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2101\調達課\group\005調達第二\平成31年度\13_随意契約による物品購入状況の公表\02_公表作業\31_3Q\03_エクセル\02 貼付用\"/>
    </mc:Choice>
  </mc:AlternateContent>
  <bookViews>
    <workbookView xWindow="0" yWindow="0" windowWidth="19200" windowHeight="7310"/>
  </bookViews>
  <sheets>
    <sheet name="公表用" sheetId="7" r:id="rId1"/>
  </sheets>
  <definedNames>
    <definedName name="_xlnm._FilterDatabase" localSheetId="0" hidden="1">公表用!$A$1:$I$414</definedName>
    <definedName name="_xlnm.Print_Area" localSheetId="0">公表用!$A$1:$I$414</definedName>
    <definedName name="_xlnm.Print_Titles" localSheetId="0">公表用!$1:$1</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487" uniqueCount="1154">
  <si>
    <t>年度</t>
    <rPh sb="0" eb="2">
      <t>ネンド</t>
    </rPh>
    <phoneticPr fontId="4"/>
  </si>
  <si>
    <t>局名</t>
    <phoneticPr fontId="4"/>
  </si>
  <si>
    <t>所属名</t>
    <rPh sb="0" eb="2">
      <t>ショゾク</t>
    </rPh>
    <rPh sb="2" eb="3">
      <t>メイ</t>
    </rPh>
    <phoneticPr fontId="4"/>
  </si>
  <si>
    <t>支出負担
行為番号</t>
    <rPh sb="0" eb="2">
      <t>シシュツ</t>
    </rPh>
    <rPh sb="2" eb="4">
      <t>フタン</t>
    </rPh>
    <rPh sb="5" eb="7">
      <t>コウイ</t>
    </rPh>
    <rPh sb="7" eb="9">
      <t>バンゴウ</t>
    </rPh>
    <phoneticPr fontId="4"/>
  </si>
  <si>
    <t>件名</t>
    <rPh sb="0" eb="2">
      <t>ケンメイ</t>
    </rPh>
    <phoneticPr fontId="4"/>
  </si>
  <si>
    <t>契約金額</t>
    <rPh sb="0" eb="2">
      <t>ケイヤク</t>
    </rPh>
    <rPh sb="2" eb="4">
      <t>キンガク</t>
    </rPh>
    <phoneticPr fontId="4"/>
  </si>
  <si>
    <t>契約相手方</t>
    <rPh sb="0" eb="2">
      <t>ケイヤク</t>
    </rPh>
    <rPh sb="2" eb="4">
      <t>アイテ</t>
    </rPh>
    <rPh sb="4" eb="5">
      <t>カタ</t>
    </rPh>
    <phoneticPr fontId="4"/>
  </si>
  <si>
    <t>法人番号</t>
  </si>
  <si>
    <t>決裁日</t>
    <rPh sb="0" eb="2">
      <t>ケッサイ</t>
    </rPh>
    <rPh sb="2" eb="3">
      <t>ビ</t>
    </rPh>
    <phoneticPr fontId="4"/>
  </si>
  <si>
    <t>福祉子どもみらい局</t>
  </si>
  <si>
    <t>かながわ男女共同参画センター</t>
  </si>
  <si>
    <t>368839</t>
  </si>
  <si>
    <t>令和元年度複写機用再生紙（特定あっせん物品）　下半期分</t>
  </si>
  <si>
    <t>（有）やなぎや　代表取締役　神保　敏由</t>
  </si>
  <si>
    <t>3021002012598</t>
  </si>
  <si>
    <t>458577</t>
  </si>
  <si>
    <t>消耗品購入代</t>
  </si>
  <si>
    <t>（株）ねずらむ　代表取締役　阿久津　晄</t>
  </si>
  <si>
    <t>7020001024114</t>
  </si>
  <si>
    <t>502056</t>
  </si>
  <si>
    <t>事務用品購入代</t>
  </si>
  <si>
    <t>日欧事務機（株）　営業部　取締役　営業部長　小林　治</t>
  </si>
  <si>
    <t>5021001001666</t>
  </si>
  <si>
    <t>520260</t>
  </si>
  <si>
    <t>トナーカートリッジ購入代</t>
  </si>
  <si>
    <t>（株）有隣堂　代表取締役　松信　裕</t>
  </si>
  <si>
    <t>2020001029308</t>
  </si>
  <si>
    <t>537233</t>
  </si>
  <si>
    <t>538246</t>
  </si>
  <si>
    <t>傘立て購入代</t>
  </si>
  <si>
    <t>543124</t>
  </si>
  <si>
    <t>壁掛けカレンダー購入代</t>
  </si>
  <si>
    <t>561709</t>
  </si>
  <si>
    <t>574260</t>
  </si>
  <si>
    <t>松浦商会　代表　松浦　功容</t>
  </si>
  <si>
    <t/>
  </si>
  <si>
    <t>580714</t>
  </si>
  <si>
    <t>図書購入代</t>
  </si>
  <si>
    <t>（株）紀伊國屋書店神奈川静岡営業本部　本部長　山本　真治</t>
  </si>
  <si>
    <t>4011101005131</t>
  </si>
  <si>
    <t>総務室</t>
  </si>
  <si>
    <t>367509</t>
  </si>
  <si>
    <t>消耗品の購入（総務室）</t>
  </si>
  <si>
    <t>ゴールデン文具（株）　代表取締役　平出　晴久</t>
  </si>
  <si>
    <t>5020001026500</t>
  </si>
  <si>
    <t>381286</t>
  </si>
  <si>
    <t>名刺の購入（総務室）</t>
  </si>
  <si>
    <t>（福）光友会　神奈川ワークショップ　所長　中野　健士</t>
  </si>
  <si>
    <t>8021005000323</t>
  </si>
  <si>
    <t>388591</t>
  </si>
  <si>
    <t>令和元年度再生紙代　９月分（総務室）</t>
  </si>
  <si>
    <t>桔梗屋紙商事（株）　代表取締役社長　早瀬　照洋</t>
  </si>
  <si>
    <t>5020001128924</t>
  </si>
  <si>
    <t>409672</t>
  </si>
  <si>
    <t>（福）貴峯　貴峯荘ワークピア　理事長　岩渕　壽郎</t>
  </si>
  <si>
    <t>5021005006777</t>
  </si>
  <si>
    <t>467387</t>
  </si>
  <si>
    <t>再生紙の購入代（10月分）</t>
  </si>
  <si>
    <t>476651</t>
  </si>
  <si>
    <t>消耗品（カラートナー）購入代</t>
  </si>
  <si>
    <t>（株）ワイソリューション　代表取締役　高橋　伸一</t>
  </si>
  <si>
    <t>5020001045673</t>
  </si>
  <si>
    <t>531103</t>
  </si>
  <si>
    <t>消耗品（モバイルバッテリーほか）の購入代</t>
  </si>
  <si>
    <t>572437</t>
  </si>
  <si>
    <t>消耗品の購入代</t>
  </si>
  <si>
    <t>（株）マルハチ　代表取締役　八木　幹雄</t>
  </si>
  <si>
    <t>4020001018845</t>
  </si>
  <si>
    <t>572511</t>
  </si>
  <si>
    <t>再生紙代（11月分）</t>
  </si>
  <si>
    <t>私学振興課</t>
  </si>
  <si>
    <t>362130</t>
  </si>
  <si>
    <t>私学振興課：令和元年度神奈川県私立学校教育功労者表彰に係る記念品について</t>
  </si>
  <si>
    <t>（有）箱根丸山物産　代表取締役　丸山　一郎</t>
  </si>
  <si>
    <t>1021002050724</t>
  </si>
  <si>
    <t>370109</t>
  </si>
  <si>
    <t>私学振興課：事務用消耗品(ゴム印)の購入について</t>
  </si>
  <si>
    <t>（株）実門堂　代表取締役　大熊　信良</t>
  </si>
  <si>
    <t>1020001026859</t>
  </si>
  <si>
    <t>528741</t>
  </si>
  <si>
    <t>インナーバッグ購入</t>
  </si>
  <si>
    <t>（有）ヤマキ文具店　代表取締役　八巻　健司</t>
  </si>
  <si>
    <t>7020002052519</t>
  </si>
  <si>
    <t>581788</t>
  </si>
  <si>
    <t>事務用品の購入</t>
  </si>
  <si>
    <t>（株）山下商店　代表取締役　山下　孝</t>
  </si>
  <si>
    <t>1020001013915</t>
  </si>
  <si>
    <t>青少年課</t>
  </si>
  <si>
    <t>371929</t>
  </si>
  <si>
    <t>【青少年課】：神奈川県青少年指導員大会吊看板（11/9）</t>
  </si>
  <si>
    <t>（有）フルヤ工行社　代表取締役　古屋　真紀</t>
  </si>
  <si>
    <t>4020002048123</t>
  </si>
  <si>
    <t>372786</t>
  </si>
  <si>
    <t>【青少年課】：第52回神奈川県青少年指導員大会生花代</t>
  </si>
  <si>
    <t>伊藤産業（株）　代表取締役　伊藤　準郎</t>
  </si>
  <si>
    <t>3020001014226</t>
  </si>
  <si>
    <t>381284</t>
  </si>
  <si>
    <t>【青少年課】：神奈川県青少年指導員表彰受賞者記念品の購入</t>
  </si>
  <si>
    <t>株式会社ケイス　代表取締役　加藤　聡</t>
  </si>
  <si>
    <t>7020001004339</t>
  </si>
  <si>
    <t>383840</t>
  </si>
  <si>
    <t>【青少年課】：神奈川県青少年指導員表彰に係る事務用品代</t>
  </si>
  <si>
    <t>ニッパ株式会社　代表取締役　秋本　りつ子</t>
  </si>
  <si>
    <t>2020001021339</t>
  </si>
  <si>
    <t>404682</t>
  </si>
  <si>
    <t>神奈川県青少年指導員大会協力者謝品代（11月９日分）</t>
  </si>
  <si>
    <t>（株）トシダ　代表取締役　土志田　仁</t>
  </si>
  <si>
    <t>5020001015536</t>
  </si>
  <si>
    <t>405540</t>
  </si>
  <si>
    <t>社会環境健全化推進街頭キャンペーンに係る消耗品代</t>
  </si>
  <si>
    <t>社会福祉法人　ひばり　ハートピア湘南　所長　鈴木　暢</t>
  </si>
  <si>
    <t>2021005000345</t>
  </si>
  <si>
    <t>447363</t>
  </si>
  <si>
    <t>「令和元年度社会環境健全化推進街頭キャンペーン」青少年参加者への記念品購入費</t>
  </si>
  <si>
    <t>469450</t>
  </si>
  <si>
    <t>神奈川県青少年育成功労者表彰式及び神奈川県青少年育成活動推進者表彰式に使用する飾花代</t>
  </si>
  <si>
    <t>488713</t>
  </si>
  <si>
    <t>神奈川県青少年育成功労者表彰式及び神奈川県青少年育成活動推進者表彰式で使用する消耗品代</t>
  </si>
  <si>
    <t>特定非営利活動法人　神奈川セルプセンター　会長　鈴木　暢</t>
  </si>
  <si>
    <t>6020005008997</t>
  </si>
  <si>
    <t>510901</t>
  </si>
  <si>
    <t>神奈川県青少年育成功労者表彰　副賞の購入代</t>
  </si>
  <si>
    <t>（福）希望更生会　希望更生センター　施設長　小口　敏男</t>
  </si>
  <si>
    <t>3020005002160</t>
  </si>
  <si>
    <t>515775</t>
  </si>
  <si>
    <t>「成人の日」を迎えるにあたっての知事からのメッセージに係る用紙等購入費</t>
  </si>
  <si>
    <t>（株）金原　代表取締役　金原　正和</t>
  </si>
  <si>
    <t>1020001009756</t>
  </si>
  <si>
    <t>529308</t>
  </si>
  <si>
    <t>神奈川県青少年育成活動推進者表彰の記念品代</t>
  </si>
  <si>
    <t>人権男女共同参画課</t>
  </si>
  <si>
    <t>407713</t>
  </si>
  <si>
    <t>第24回人権メッセージ展配布用啓発物品の購入について（人権男女共同参画課）</t>
  </si>
  <si>
    <t>特定非営利活動法人　神奈川県障害者地域作業所連絡協議会　理事長　海原　泰江</t>
  </si>
  <si>
    <t>5020005009229</t>
  </si>
  <si>
    <t>青少年センター</t>
  </si>
  <si>
    <t>372916</t>
  </si>
  <si>
    <t>名刺印刷代</t>
  </si>
  <si>
    <t>373260</t>
  </si>
  <si>
    <t>楯の購入</t>
  </si>
  <si>
    <t>松本徽章（株）　代表取締役　松本　光政</t>
  </si>
  <si>
    <t>9020001028947</t>
  </si>
  <si>
    <t>373450</t>
  </si>
  <si>
    <t>デュプロインクの購入</t>
  </si>
  <si>
    <t>デュプロ株式会社　横浜支店　支店長　清水　匡幸</t>
  </si>
  <si>
    <t>4021001015444</t>
  </si>
  <si>
    <t>378022</t>
  </si>
  <si>
    <t>複写再生紙代（９月分）</t>
  </si>
  <si>
    <t>（株）横浜コンピューターサプライ　代表取締役　池田　広</t>
  </si>
  <si>
    <t>7020001013975</t>
  </si>
  <si>
    <t>382802</t>
  </si>
  <si>
    <t>漏洩検知器ほかの購入</t>
  </si>
  <si>
    <t>（株）前川製作所　代表取締役社長　前川　真</t>
  </si>
  <si>
    <t>3010601034203</t>
  </si>
  <si>
    <t>386835</t>
  </si>
  <si>
    <t>チェンジライフキャンプ（10/19～20）にかかる宿泊関連経費</t>
  </si>
  <si>
    <t>（株）東急コミュニティー　代表取締役社長　雑賀　克英</t>
  </si>
  <si>
    <t>4010901008681</t>
  </si>
  <si>
    <t>403827</t>
  </si>
  <si>
    <t>チェンジライフキャンプ　フォローアップキャンプ（10月19～20日）のキャンプファイヤー用薪代</t>
  </si>
  <si>
    <t>（特非）国際自然大学校　理事長　佐藤　初雄</t>
  </si>
  <si>
    <t>5012405001047</t>
  </si>
  <si>
    <t>401417</t>
  </si>
  <si>
    <t>誘導灯蛍光灯の購入</t>
  </si>
  <si>
    <t>（株）神奈川共立　代表取締役　森山　英明</t>
  </si>
  <si>
    <t>9020001014559</t>
  </si>
  <si>
    <t>401892</t>
  </si>
  <si>
    <t>冷凍機用UPSバッテリー</t>
  </si>
  <si>
    <t>402167</t>
  </si>
  <si>
    <t>リモートユニット用バッテリほかの購入</t>
  </si>
  <si>
    <t>日本電技（株）　横浜支店長　田口　昌利</t>
  </si>
  <si>
    <t>1010601021483</t>
  </si>
  <si>
    <t>407729</t>
  </si>
  <si>
    <t>駐車場スタンドほかの購入</t>
  </si>
  <si>
    <t>407730</t>
  </si>
  <si>
    <t>ドラマと学びの場（書籍）の購入</t>
  </si>
  <si>
    <t>407747</t>
  </si>
  <si>
    <t>チェンジライフキャンプ　フォローアップキャンプ　キャンプファイヤー用火の玉落とし代</t>
  </si>
  <si>
    <t>409060</t>
  </si>
  <si>
    <t>青少年センター館長賞（楯）の購入</t>
  </si>
  <si>
    <t>419329</t>
  </si>
  <si>
    <t>舞台搬入制御盤３　無停電電源装置の購入</t>
  </si>
  <si>
    <t>森平舞台機構（株）　代表取締役　森　健輔</t>
  </si>
  <si>
    <t>5010501014014</t>
  </si>
  <si>
    <t>419542</t>
  </si>
  <si>
    <t>ツイン蛍光灯ほかの購入</t>
  </si>
  <si>
    <t>（株）カメラのウエダ　代表取締役　植田　淳</t>
  </si>
  <si>
    <t>4020001025998</t>
  </si>
  <si>
    <t>427551</t>
  </si>
  <si>
    <t>色画用紙ほかの購入</t>
  </si>
  <si>
    <t>427847</t>
  </si>
  <si>
    <t>単１乾電池ほかの購入</t>
  </si>
  <si>
    <t>439464</t>
  </si>
  <si>
    <t>消耗品（トイレットペーパー）の購入代</t>
  </si>
  <si>
    <t>ニッパ（株）　代表取締役　秋本　りつ子</t>
  </si>
  <si>
    <t>439465</t>
  </si>
  <si>
    <t>消耗品（ラベルシールほか）の購入代</t>
  </si>
  <si>
    <t>441876</t>
  </si>
  <si>
    <t>インターホン釦カバーの購入</t>
  </si>
  <si>
    <t>（株）桐ヶ谷工業所　代表取締役　桐ヶ谷　修幸</t>
  </si>
  <si>
    <t>3020001022848</t>
  </si>
  <si>
    <t>442715</t>
  </si>
  <si>
    <t>R2吸入用圧力計の購入</t>
  </si>
  <si>
    <t>447686</t>
  </si>
  <si>
    <t>消耗品（チャック付ポリ袋ほか）の購入代</t>
  </si>
  <si>
    <t>（株）ミヤダイ中央社　代表取締役　宮台　俊郎</t>
  </si>
  <si>
    <t>6021001027149</t>
  </si>
  <si>
    <t>460761</t>
  </si>
  <si>
    <t>消耗品（エコダストボックスほか）の購入代</t>
  </si>
  <si>
    <t>（株）芥川商店　代表取締役　芥川　光正</t>
  </si>
  <si>
    <t>4020001022203</t>
  </si>
  <si>
    <t>482410</t>
  </si>
  <si>
    <t>消耗品（クリアファイル）購入代</t>
  </si>
  <si>
    <t>（株）トミヤ　代表取締役　佐久間　聡</t>
  </si>
  <si>
    <t>5020001035006</t>
  </si>
  <si>
    <t>496687</t>
  </si>
  <si>
    <t>消耗品（インクとロールマスター）の購入代</t>
  </si>
  <si>
    <t>497995</t>
  </si>
  <si>
    <t>消耗品（マスキングテープほか）の購入代</t>
  </si>
  <si>
    <t>502364</t>
  </si>
  <si>
    <t>消耗品（Windows10Proパッケージ版）の購入代</t>
  </si>
  <si>
    <t>519759</t>
  </si>
  <si>
    <t>消耗品（エタノールほか）の購入代</t>
  </si>
  <si>
    <t>（株）江田商会　代表取締役　原田義富</t>
  </si>
  <si>
    <t>2020001012577</t>
  </si>
  <si>
    <t>520018</t>
  </si>
  <si>
    <t>複写再生紙代（11月分）</t>
  </si>
  <si>
    <t>521465</t>
  </si>
  <si>
    <t>消耗品（乾電池ほか）の購入代</t>
  </si>
  <si>
    <t>542956</t>
  </si>
  <si>
    <t>消耗品（賞状用紙ほか）の購入代</t>
  </si>
  <si>
    <t>542987</t>
  </si>
  <si>
    <t>消耗品（油粘土ほか）の購入代</t>
  </si>
  <si>
    <t>（株）ワイソリューション　代表取締役　高橋伸一</t>
  </si>
  <si>
    <t>543146</t>
  </si>
  <si>
    <t>消耗品（スプリングアウターほか）の購入代</t>
  </si>
  <si>
    <t>株式会社ワイサップ　代表取締役　山下　真</t>
  </si>
  <si>
    <t>5020001014042</t>
  </si>
  <si>
    <t>545962</t>
  </si>
  <si>
    <t>事業用参考雑誌購入代（第４四半期分）</t>
  </si>
  <si>
    <t>564075</t>
  </si>
  <si>
    <t>プレフィルター(ろ材のみ)の購入代</t>
  </si>
  <si>
    <t>進和テック（株）　横浜営業所所長　滝澤規次</t>
  </si>
  <si>
    <t>6011101009766</t>
  </si>
  <si>
    <t>564274</t>
  </si>
  <si>
    <t>門扉蝶番の購入代</t>
  </si>
  <si>
    <t>565906</t>
  </si>
  <si>
    <t>消耗品（フラットファイルほか）の購入代</t>
  </si>
  <si>
    <t>585496</t>
  </si>
  <si>
    <t>消耗品（ツイン蛍光灯ほか）の購入代</t>
  </si>
  <si>
    <t>586011</t>
  </si>
  <si>
    <t>新聞購読料（第４四半期分）</t>
  </si>
  <si>
    <t>ＡＳＡ初音町　所長　神立　暢弘</t>
  </si>
  <si>
    <t>生活援護課</t>
  </si>
  <si>
    <t>358723</t>
  </si>
  <si>
    <t>生活援護課：宛名ラベルの購入(原爆被爆者援護対策事務用)</t>
  </si>
  <si>
    <t>414413</t>
  </si>
  <si>
    <t>生活援護課：令和元年度　生活保護関連書籍の購入について</t>
  </si>
  <si>
    <t>（有）高橋書店　取締役　鈴木　新市</t>
  </si>
  <si>
    <t>8020002043632</t>
  </si>
  <si>
    <t>481889</t>
  </si>
  <si>
    <t>事務用消耗品の購入</t>
  </si>
  <si>
    <t>540251</t>
  </si>
  <si>
    <t>559633</t>
  </si>
  <si>
    <t>書籍購入代</t>
  </si>
  <si>
    <t>561742</t>
  </si>
  <si>
    <t>生活困窮者自立支援事業事務用消耗品の購入</t>
  </si>
  <si>
    <t>障害福祉課</t>
  </si>
  <si>
    <t>371709</t>
  </si>
  <si>
    <t>障害福祉課：令和元年度相談支援従事者養成研修等に係る修了証書用紙の購入</t>
  </si>
  <si>
    <t>479720</t>
  </si>
  <si>
    <t>定期刊行物の購読料</t>
  </si>
  <si>
    <t>（株）教宣文化社　代表取締役　中村　伸一</t>
  </si>
  <si>
    <t>9011601001781</t>
  </si>
  <si>
    <t>466304</t>
  </si>
  <si>
    <t>図書カードＮＥＸＴ購入代</t>
  </si>
  <si>
    <t>486723</t>
  </si>
  <si>
    <t>消耗品（ゴム印）購入代</t>
  </si>
  <si>
    <t>528585</t>
  </si>
  <si>
    <t>図書(雑誌）購入代</t>
  </si>
  <si>
    <t>株式会社　紀伊國屋書店　神奈川静岡営業本部　本部長　山本　真治</t>
  </si>
  <si>
    <t>550765</t>
  </si>
  <si>
    <t>定期購読誌購入代</t>
  </si>
  <si>
    <t>ＡＳＡ関内　所長　出本　啓司</t>
  </si>
  <si>
    <t>地域福祉課</t>
  </si>
  <si>
    <t>369218</t>
  </si>
  <si>
    <t>地域福祉課：神奈川県優良保護司表彰に係る記念品の購入</t>
  </si>
  <si>
    <t>370131</t>
  </si>
  <si>
    <t>地域福祉課：のぼり旗のポール等の購入</t>
  </si>
  <si>
    <t>383554</t>
  </si>
  <si>
    <t>地域福祉課：テレフォンアーム他購入について</t>
  </si>
  <si>
    <t>393651</t>
  </si>
  <si>
    <t>地域福祉課：社会福祉会館講堂　PCB含有器処理施設搬入用ペール缶の購入について</t>
  </si>
  <si>
    <t>株式会社　エスアール　代表取締役　渋谷　清心</t>
  </si>
  <si>
    <t>9021001021537</t>
  </si>
  <si>
    <t>447131</t>
  </si>
  <si>
    <t>ベトナム・中国海外出張に係る土産購入代</t>
  </si>
  <si>
    <t>かをり商事（株）　代表取締役社長　板倉　敬子</t>
  </si>
  <si>
    <t>5020001025956</t>
  </si>
  <si>
    <t>462643</t>
  </si>
  <si>
    <t>「民生委員・児童委員必携第64集」購入代</t>
  </si>
  <si>
    <t>（福）全国社会福祉協議会　事務局長　松島　紀由</t>
  </si>
  <si>
    <t>2010005001032</t>
  </si>
  <si>
    <t>さがみ緑風園</t>
  </si>
  <si>
    <t>370601</t>
  </si>
  <si>
    <t>事務用ゴム印代</t>
  </si>
  <si>
    <t>（株）小笠原相模原支店　支店長　中山　佳郎</t>
  </si>
  <si>
    <t>2021001046557</t>
  </si>
  <si>
    <t>372677</t>
  </si>
  <si>
    <t>複写機用再生紙代　９月分</t>
  </si>
  <si>
    <t>（株）ミリオン事務機器　代表取締役　吉野　賢治</t>
  </si>
  <si>
    <t>5021001016219</t>
  </si>
  <si>
    <t>372723</t>
  </si>
  <si>
    <t>点滴スタンド代</t>
  </si>
  <si>
    <t>（株）ヘルスケア　代表取締役　川合　靖一</t>
  </si>
  <si>
    <t>1021001012139</t>
  </si>
  <si>
    <t>384819</t>
  </si>
  <si>
    <t>グループ作業用品　カレンダー材料</t>
  </si>
  <si>
    <t>384825</t>
  </si>
  <si>
    <t>介護用品　ソフトちりがみ（１０月）</t>
  </si>
  <si>
    <t>深沢商店　代表　深沢　正次</t>
  </si>
  <si>
    <t>386691</t>
  </si>
  <si>
    <t>ホーム用品　おはながみ　ほか</t>
  </si>
  <si>
    <t>株式会社　エムエデュケーション　代表取締役　藤井　津洋志</t>
  </si>
  <si>
    <t>5020002063220</t>
  </si>
  <si>
    <t>386786</t>
  </si>
  <si>
    <t>387330</t>
  </si>
  <si>
    <t>行事用消耗品　レジ袋　ほか</t>
  </si>
  <si>
    <t>404395</t>
  </si>
  <si>
    <t>庁務用品　蛍光灯</t>
  </si>
  <si>
    <t>大黒屋金物店　代表　漆原　恒男</t>
  </si>
  <si>
    <t>416228</t>
  </si>
  <si>
    <t>グループ作業用品　シーチング　ほか</t>
  </si>
  <si>
    <t>429603</t>
  </si>
  <si>
    <t>電動ベッドの購入</t>
  </si>
  <si>
    <t>430233</t>
  </si>
  <si>
    <t>プリンタートナー代</t>
  </si>
  <si>
    <t>（株）セラビ　代表取締役　時岡　一秀</t>
  </si>
  <si>
    <t>5430001028059</t>
  </si>
  <si>
    <t>433961</t>
  </si>
  <si>
    <t>事務用ゴム印購入代</t>
  </si>
  <si>
    <t>447314</t>
  </si>
  <si>
    <t>複写機用再生紙代（10月分）</t>
  </si>
  <si>
    <t>菊屋浦上商事株式会社　代表取締役　浦上　裕生</t>
  </si>
  <si>
    <t>1021001011776</t>
  </si>
  <si>
    <t>456197</t>
  </si>
  <si>
    <t>プリンタートナー購入代</t>
  </si>
  <si>
    <t>473281</t>
  </si>
  <si>
    <t>事務用消耗品(シュレッダーほか)購入代</t>
  </si>
  <si>
    <t>エビナ文具　代表　川田　豊華</t>
  </si>
  <si>
    <t>473352</t>
  </si>
  <si>
    <t>介護用品（タオルほか）購入代</t>
  </si>
  <si>
    <t>478021</t>
  </si>
  <si>
    <t>厨房洗浄機用部品購入代（仕切りカーテン）</t>
  </si>
  <si>
    <t>（株）アイホー　横浜営業所　所長　鈴木　雅弘</t>
  </si>
  <si>
    <t>1180301009696</t>
  </si>
  <si>
    <t>482322</t>
  </si>
  <si>
    <t>グループ作業用品（セラムコートほか）購入代</t>
  </si>
  <si>
    <t>483969</t>
  </si>
  <si>
    <t>衛生設備部品購入代（Ｐトラップ排水管）</t>
  </si>
  <si>
    <t>エーエフマネジメント株式会社　代表取締役　計屋　圭宏</t>
  </si>
  <si>
    <t>8020001019360</t>
  </si>
  <si>
    <t>487450</t>
  </si>
  <si>
    <t>点滴スタンド購入代（ケアセンター用）</t>
  </si>
  <si>
    <t>489004</t>
  </si>
  <si>
    <t>消耗品（トイレットペーパー）購入代</t>
  </si>
  <si>
    <t>489166</t>
  </si>
  <si>
    <t>介護用品（ソフトちりがみ）購入代</t>
  </si>
  <si>
    <t>518245</t>
  </si>
  <si>
    <t>複写機用再生紙代（11月分）</t>
  </si>
  <si>
    <t>522156</t>
  </si>
  <si>
    <t>行事用消耗品（正月飾りほか）購入代</t>
  </si>
  <si>
    <t>（株）文盛堂　代表取締役　尾作　晃</t>
  </si>
  <si>
    <t>2021001013805</t>
  </si>
  <si>
    <t>525263</t>
  </si>
  <si>
    <t>居室窓用レースカーテン購入代</t>
  </si>
  <si>
    <t>東洋インテリア　代表　宮田　晨生</t>
  </si>
  <si>
    <t>3010102004779</t>
  </si>
  <si>
    <t>525640</t>
  </si>
  <si>
    <t>行事用消耗品（ゆず湯用ゆず）購入代</t>
  </si>
  <si>
    <t>（有）セキヤ　代表取締役　関　輝雄</t>
  </si>
  <si>
    <t>1021002021626</t>
  </si>
  <si>
    <t>529450</t>
  </si>
  <si>
    <t>洗濯用せっけん（粒状ティーソープ・12月分）購入代</t>
  </si>
  <si>
    <t>（株）ニクス　代表取締役　坂本　英夫</t>
  </si>
  <si>
    <t>9021001020290</t>
  </si>
  <si>
    <t>529571</t>
  </si>
  <si>
    <t>洗濯用柔軟剤（花王ソフター・12月分）購入代</t>
  </si>
  <si>
    <t>相模スミック株式会社　代表取締役　岩田　光雄</t>
  </si>
  <si>
    <t>6021001019773</t>
  </si>
  <si>
    <t>540274</t>
  </si>
  <si>
    <t>事務用回転ゴム印購入代</t>
  </si>
  <si>
    <t>545119</t>
  </si>
  <si>
    <t>事務用消耗品（テプラほか）購入代</t>
  </si>
  <si>
    <t>546335</t>
  </si>
  <si>
    <t>事務用品（シュレッター）購入代</t>
  </si>
  <si>
    <t>子ども自立生活支援センター</t>
  </si>
  <si>
    <t>352863</t>
  </si>
  <si>
    <t>児童被服代（子ども第二課）2019年９月（イオン秦野）</t>
  </si>
  <si>
    <t>イオンリテール（株）イオン秦野店　店長　浅沼　信和</t>
  </si>
  <si>
    <t>2040001000456</t>
  </si>
  <si>
    <t>358083</t>
  </si>
  <si>
    <t>児童被服代（子ども第二課）令和元年９月（イオン秦野）</t>
  </si>
  <si>
    <t>358483</t>
  </si>
  <si>
    <t>ハイカットスニーカーの購入（yell brace)</t>
  </si>
  <si>
    <t>株式会社エールブレイス　代表取締役　関根　賢司</t>
  </si>
  <si>
    <t>4021001061983</t>
  </si>
  <si>
    <t>365853</t>
  </si>
  <si>
    <t>OAスチールロッカー等の購入(田中紙店)</t>
  </si>
  <si>
    <t>（株）田中紙店　代表取締役　田中　耕一</t>
  </si>
  <si>
    <t>4021001036944</t>
  </si>
  <si>
    <t>370812</t>
  </si>
  <si>
    <t>洗濯用洗剤の購入(島半)</t>
  </si>
  <si>
    <t>株式会社島半　代表取締役　鈴木　子守氏</t>
  </si>
  <si>
    <t>3021001022573</t>
  </si>
  <si>
    <t>376875</t>
  </si>
  <si>
    <t>児童被服代（子ども第二課）令和元年10月（イオン秦野）</t>
  </si>
  <si>
    <t>384925</t>
  </si>
  <si>
    <t>児童被服代（10月３日）</t>
  </si>
  <si>
    <t>株式会社タカハシ　代表取締役社長　髙橋　千佳司</t>
  </si>
  <si>
    <t>7021001013040</t>
  </si>
  <si>
    <t>394581</t>
  </si>
  <si>
    <t>児童被服代（10月10日）</t>
  </si>
  <si>
    <t>（株）片野屋　代表取締役　片野　之万</t>
  </si>
  <si>
    <t>8021001036338</t>
  </si>
  <si>
    <t>396224</t>
  </si>
  <si>
    <t>イオンリテール（株）イオン秦野店　店長　森脇　夏樹</t>
  </si>
  <si>
    <t>396306</t>
  </si>
  <si>
    <t>書籍の購入</t>
  </si>
  <si>
    <t>（有）長谷川書店　代表取締役　長谷川　義剛</t>
  </si>
  <si>
    <t>1021002011800</t>
  </si>
  <si>
    <t>403089</t>
  </si>
  <si>
    <t>児童被服代（10月）</t>
  </si>
  <si>
    <t>406804</t>
  </si>
  <si>
    <t>弁当容器等の購入費</t>
  </si>
  <si>
    <t>420407</t>
  </si>
  <si>
    <t>小口現金（児童被服代・日用品及び庁舎修理にかかる費用等需用費）11月分</t>
  </si>
  <si>
    <t>子ども自立生活支援センター　前渡金受領職員</t>
    <phoneticPr fontId="3"/>
  </si>
  <si>
    <t>422348</t>
  </si>
  <si>
    <t>児童被覆代（10月21日）</t>
  </si>
  <si>
    <t>422807</t>
  </si>
  <si>
    <t>児童被服代（10月23日）</t>
  </si>
  <si>
    <t>425094</t>
  </si>
  <si>
    <t>日用品の購入</t>
  </si>
  <si>
    <t>有限会社髙橋紙店　代表取締役　高橋宏輔</t>
  </si>
  <si>
    <t>4021002038139</t>
  </si>
  <si>
    <t>428815</t>
  </si>
  <si>
    <t>書籍の購入(障害児の親のメンタルヘルス支援マニュアル)</t>
  </si>
  <si>
    <t>公益社団法人　日本発達障害連盟　会長　金子　健</t>
  </si>
  <si>
    <t>8011505001499</t>
  </si>
  <si>
    <t>433776</t>
  </si>
  <si>
    <t>児童被服代（10月25日）</t>
  </si>
  <si>
    <t>445715</t>
  </si>
  <si>
    <t>複写機用再生紙の購入</t>
  </si>
  <si>
    <t>有限会社やなぎや　代表取締役　神保　敏由</t>
  </si>
  <si>
    <t>446491</t>
  </si>
  <si>
    <t>児童被服代（11月）</t>
  </si>
  <si>
    <t>449385</t>
  </si>
  <si>
    <t>オムツ等の購入</t>
  </si>
  <si>
    <t>453307</t>
  </si>
  <si>
    <t>児童被服代</t>
  </si>
  <si>
    <t>461328</t>
  </si>
  <si>
    <t>来客用飲料等の購入費</t>
  </si>
  <si>
    <t>481808</t>
  </si>
  <si>
    <t>児童被服代(11月15日)</t>
  </si>
  <si>
    <t>484454</t>
  </si>
  <si>
    <t>小口現金（児童被服代・日用品及び庁舎修理にかかる費用等需用費）12月分</t>
  </si>
  <si>
    <t>486742</t>
  </si>
  <si>
    <t>マスターキー購入代</t>
  </si>
  <si>
    <t>（株）細川商会　代表取締役　細川　客志</t>
  </si>
  <si>
    <t>9012301002335</t>
  </si>
  <si>
    <t>487233</t>
  </si>
  <si>
    <t>児童被服代（11月21日）</t>
  </si>
  <si>
    <t>487594</t>
  </si>
  <si>
    <t>児童被服代（11月22日）</t>
  </si>
  <si>
    <t>494662</t>
  </si>
  <si>
    <t>児童被服代（11月25日）</t>
  </si>
  <si>
    <t>504294</t>
  </si>
  <si>
    <t>506994</t>
  </si>
  <si>
    <t>児童被服代（11月27日）</t>
  </si>
  <si>
    <t>511969</t>
  </si>
  <si>
    <t>児童被服代（11月29日）</t>
  </si>
  <si>
    <t>517408</t>
  </si>
  <si>
    <t>児童被服代(11月28日)</t>
  </si>
  <si>
    <t>523712</t>
  </si>
  <si>
    <t>子ども用パジャマの購入</t>
  </si>
  <si>
    <t>松浦商会　代表　　松浦功容</t>
  </si>
  <si>
    <t>525132</t>
  </si>
  <si>
    <t>児童被服代（12月５日）</t>
  </si>
  <si>
    <t>528564</t>
  </si>
  <si>
    <t>保育記録用紙の印刷</t>
  </si>
  <si>
    <t>社会福祉法人　貴峯　理事長　岩渕　壽郎</t>
  </si>
  <si>
    <t>529943</t>
  </si>
  <si>
    <t>530537</t>
  </si>
  <si>
    <t>ディスポ食器等の購入(12月)</t>
  </si>
  <si>
    <t>531515</t>
  </si>
  <si>
    <t>児童被服代（12月６日）</t>
  </si>
  <si>
    <t>531661</t>
  </si>
  <si>
    <t>540996</t>
  </si>
  <si>
    <t>児童被服代（12月９日）</t>
  </si>
  <si>
    <t>541514</t>
  </si>
  <si>
    <t>児童被服代（12月11日）</t>
  </si>
  <si>
    <t>541630</t>
  </si>
  <si>
    <t>ペーパータオルの購入</t>
  </si>
  <si>
    <t>有限会社嶺松　代表取締役　松永　勝</t>
  </si>
  <si>
    <t>8021002012222</t>
  </si>
  <si>
    <t>544212</t>
  </si>
  <si>
    <t>児童被服代（12月12日）</t>
  </si>
  <si>
    <t>547758</t>
  </si>
  <si>
    <t>児童日用品代（12月10日）</t>
  </si>
  <si>
    <t>ロイヤルホームセンター（株）湘南大磯店　店長　吉沢　健</t>
  </si>
  <si>
    <t>2120001072223</t>
  </si>
  <si>
    <t>551126</t>
  </si>
  <si>
    <t>児童被服代（12月13日）</t>
  </si>
  <si>
    <t>552128</t>
  </si>
  <si>
    <t>児童被服代(12月12日)</t>
  </si>
  <si>
    <t>558126</t>
  </si>
  <si>
    <t>児童被服代（12月16日）</t>
  </si>
  <si>
    <t>563278</t>
  </si>
  <si>
    <t>交換用リモートスイッチの購入</t>
  </si>
  <si>
    <t>株式会社三和製作　代表取締役　春田　育扶</t>
  </si>
  <si>
    <t>6180001102631</t>
  </si>
  <si>
    <t>563513</t>
  </si>
  <si>
    <t>小口現金（児童被服代・日用品及び庁舎修理にかかる費用等需用費）１月分</t>
  </si>
  <si>
    <t>569077</t>
  </si>
  <si>
    <t>プリンタートナーの購入</t>
  </si>
  <si>
    <t>（株）エムワイディ　代表取締役　金原　真梨子</t>
  </si>
  <si>
    <t>1021001045551</t>
  </si>
  <si>
    <t>571420</t>
  </si>
  <si>
    <t>児童靴等の購入</t>
  </si>
  <si>
    <t>560350</t>
  </si>
  <si>
    <t>児童被服代（12月18日）</t>
  </si>
  <si>
    <t>566021</t>
  </si>
  <si>
    <t>567167</t>
  </si>
  <si>
    <t>児童クリスマス会・菓子代（12月18日）</t>
  </si>
  <si>
    <t>567885</t>
  </si>
  <si>
    <t>児童被服代(12月17日)</t>
  </si>
  <si>
    <t>573251</t>
  </si>
  <si>
    <t>児童被服代（12月19日）</t>
  </si>
  <si>
    <t>574231</t>
  </si>
  <si>
    <t>お正月用の花の購入</t>
  </si>
  <si>
    <t>（有）ＮＯＢＵ　代表取締役　伊藤　修久</t>
  </si>
  <si>
    <t>6021002037444</t>
  </si>
  <si>
    <t>573779</t>
  </si>
  <si>
    <t>児童被服代（12月23日）</t>
  </si>
  <si>
    <t>582101</t>
  </si>
  <si>
    <t>デジタルカメラ等の購入</t>
  </si>
  <si>
    <t>株式会社ヤマダ電機　平塚営業所長　佐藤篤史</t>
  </si>
  <si>
    <t>4070001011201</t>
  </si>
  <si>
    <t>女性相談所</t>
  </si>
  <si>
    <t>368812</t>
  </si>
  <si>
    <t>消耗品の購入</t>
  </si>
  <si>
    <t>395399</t>
  </si>
  <si>
    <t>消耗品購入代（資金前渡対応分）（11月分）</t>
  </si>
  <si>
    <t>430739</t>
  </si>
  <si>
    <t>（有）大洋　代表取締役　富岡　俊博</t>
  </si>
  <si>
    <t>5020002019214</t>
  </si>
  <si>
    <t>430931</t>
  </si>
  <si>
    <t>横浜市資源リサイクル事業協同組合　代表理事　宗村　隆寛</t>
  </si>
  <si>
    <t>9020005002411</t>
  </si>
  <si>
    <t>477814</t>
  </si>
  <si>
    <t>消耗品購入代（資金前渡対応分）（12月分）</t>
  </si>
  <si>
    <t>481909</t>
  </si>
  <si>
    <t>消耗品（ラミネートフィルムほか）購入代</t>
  </si>
  <si>
    <t>545639</t>
  </si>
  <si>
    <t>消耗品購入代（資金前渡対応分）（１月分）</t>
  </si>
  <si>
    <t>障害サービス課</t>
  </si>
  <si>
    <t>519747</t>
  </si>
  <si>
    <t>消耗品（色上質紙）購入代</t>
  </si>
  <si>
    <t>株式会社　ミナト事務器　代表取締役　志村俊幸</t>
  </si>
  <si>
    <t>3020001013830</t>
  </si>
  <si>
    <t>中央児童相談所</t>
  </si>
  <si>
    <t>364103</t>
  </si>
  <si>
    <t>カートリッジインクの購入</t>
  </si>
  <si>
    <t>有限会社　川上書店　代表取締役　大山　裕祐</t>
  </si>
  <si>
    <t>6021002010590</t>
  </si>
  <si>
    <t>367775</t>
  </si>
  <si>
    <t>カラーペーパーの購入</t>
  </si>
  <si>
    <t>416391</t>
  </si>
  <si>
    <t>一時保護児童等移送費等（10月分）（支出）</t>
  </si>
  <si>
    <t>中央児童相談所　前渡金受領職員</t>
    <phoneticPr fontId="3"/>
  </si>
  <si>
    <t>447229</t>
  </si>
  <si>
    <t>再生紙ノートほかの購入</t>
  </si>
  <si>
    <t>（有）ユザワ文具　代表取締役　廣瀬　繁</t>
  </si>
  <si>
    <t>7021002005227</t>
  </si>
  <si>
    <t>447931</t>
  </si>
  <si>
    <t>複写機用再生紙購入代（10月分）</t>
  </si>
  <si>
    <t>472574</t>
  </si>
  <si>
    <t>強粘着ふせんの購入</t>
  </si>
  <si>
    <t>482402</t>
  </si>
  <si>
    <t>一時保護児童等移送費等（12月分）（支出）</t>
  </si>
  <si>
    <t>525995</t>
  </si>
  <si>
    <t>一時保護所（２階）クリスマス会経費</t>
  </si>
  <si>
    <t>539500</t>
  </si>
  <si>
    <t>家裁の審判手続きに係る印紙、切手購入代（伺い）</t>
  </si>
  <si>
    <t>542090</t>
  </si>
  <si>
    <t>一時保護所（１階）クリスマス会　プレゼント代</t>
  </si>
  <si>
    <t>543128</t>
  </si>
  <si>
    <t>布テープほかの購入</t>
  </si>
  <si>
    <t>545478</t>
  </si>
  <si>
    <t>家裁審判手続きに係る印紙代（12/17）</t>
  </si>
  <si>
    <t>547032</t>
  </si>
  <si>
    <t>カラーおしぼりタオルほかの購入</t>
  </si>
  <si>
    <t>552507</t>
  </si>
  <si>
    <t>バンドエイドほかの購入</t>
  </si>
  <si>
    <t>（有）豊元書店　代表取締役　宮臺　正人</t>
  </si>
  <si>
    <t>8021002003626</t>
  </si>
  <si>
    <t>573465</t>
  </si>
  <si>
    <t>一時保護児童等移送費等（令和２年１月分）（支出）</t>
  </si>
  <si>
    <t>580453</t>
  </si>
  <si>
    <t>ソフトペン専用カートリッジインクの購入</t>
  </si>
  <si>
    <t>581842</t>
  </si>
  <si>
    <t>キシリオンブラシの購入</t>
  </si>
  <si>
    <t>583351</t>
  </si>
  <si>
    <t>メリーズパンツの購入</t>
  </si>
  <si>
    <t>鎌倉三浦地域児童相談所</t>
  </si>
  <si>
    <t>401557</t>
  </si>
  <si>
    <t>心理検査用紙購入代</t>
  </si>
  <si>
    <t>株式会社　千葉テストセンター　代表取締役　千葉　一貴</t>
  </si>
  <si>
    <t>3011301004306</t>
  </si>
  <si>
    <t>417585</t>
  </si>
  <si>
    <t>事務事業用消耗品購入代（１１月分）</t>
  </si>
  <si>
    <t>鎌倉三浦地域児童相談所　前渡金受領職員</t>
    <phoneticPr fontId="3"/>
  </si>
  <si>
    <t>439511</t>
  </si>
  <si>
    <t>事務用品代（Ｄリングファイル他）</t>
  </si>
  <si>
    <t>（株）ウノブン　代表取締役　宇野　洋一</t>
  </si>
  <si>
    <t>9021001040009</t>
  </si>
  <si>
    <t>487179</t>
  </si>
  <si>
    <t>事務事業用消耗品購入代（12月分）</t>
  </si>
  <si>
    <t>487565</t>
  </si>
  <si>
    <t>消火器用ボックス購入代</t>
  </si>
  <si>
    <t>六華（株）　代表取締役　河野　正美</t>
  </si>
  <si>
    <t>4020001030346</t>
  </si>
  <si>
    <t>515411</t>
  </si>
  <si>
    <t>事務用品購入代（ホワイトボードマーカー他）</t>
  </si>
  <si>
    <t>（有）山仙商店　代表取締役　山田　公一</t>
  </si>
  <si>
    <t>2021002067445</t>
  </si>
  <si>
    <t>515556</t>
  </si>
  <si>
    <t>544188</t>
  </si>
  <si>
    <t>図書代（道路地図）</t>
  </si>
  <si>
    <t>（有）信濃屋書店　代表取締役　山本　裕一</t>
  </si>
  <si>
    <t>7021002064735</t>
  </si>
  <si>
    <t>563838</t>
  </si>
  <si>
    <t>事務事業用消耗品購入代（１月分）</t>
  </si>
  <si>
    <t>小田原児童相談所</t>
  </si>
  <si>
    <t>380374</t>
  </si>
  <si>
    <t>2019年度児童相談所職員合同研修　資料代（伺い）</t>
  </si>
  <si>
    <t>神田交通（株）　代表取締役　井上　蔚美</t>
  </si>
  <si>
    <t>3021001036334</t>
  </si>
  <si>
    <t>384803</t>
  </si>
  <si>
    <t>フォルダーラベル外　購入</t>
  </si>
  <si>
    <t>（株）稲妻屋　代表取締役社長　里見　昌宏</t>
  </si>
  <si>
    <t>2021001032334</t>
  </si>
  <si>
    <t>393297</t>
  </si>
  <si>
    <t>追録代（子ども虐待の予防とケアのすべて　３２号）</t>
  </si>
  <si>
    <t>第一法規（株）　代表取締役社長　田中　英弥</t>
  </si>
  <si>
    <t>7010401017486</t>
  </si>
  <si>
    <t>495446</t>
  </si>
  <si>
    <t>心理検査用紙（田中ビネー知能検査Ⅴ　外）購入</t>
  </si>
  <si>
    <t>（株）マイン　代表取締役　山崎　友丈</t>
  </si>
  <si>
    <t>1011001032740</t>
  </si>
  <si>
    <t>495807</t>
  </si>
  <si>
    <t>心理検査用紙（新版Ｋ式発達検査２００１）購入</t>
  </si>
  <si>
    <t>（福）京都国際社会福祉協力会　理事長　所　久雄</t>
  </si>
  <si>
    <t>2130005004477</t>
  </si>
  <si>
    <t>厚木児童相談所</t>
  </si>
  <si>
    <t>364676</t>
  </si>
  <si>
    <t>複写用紙の購入　９・１２分</t>
  </si>
  <si>
    <t>（有）北の台文具　代表取締役　齊藤　米夫</t>
  </si>
  <si>
    <t>7021002046188</t>
  </si>
  <si>
    <t>382161</t>
  </si>
  <si>
    <t>プリンター用カートリッジほかの購入</t>
  </si>
  <si>
    <t>株式会社コジマ　Ｋ×Ｂ厚木栄町店　店長　上田智郁</t>
  </si>
  <si>
    <t>2060001001667</t>
  </si>
  <si>
    <t>396617</t>
  </si>
  <si>
    <t>アルト用タイヤの購入</t>
  </si>
  <si>
    <t>小杉タイヤ販売（株）　代表取締役　田添博</t>
  </si>
  <si>
    <t>9020001069248</t>
  </si>
  <si>
    <t>402247</t>
  </si>
  <si>
    <t>リンスインシャンプーほかの購入</t>
  </si>
  <si>
    <t>新日本物産（株）　代表取締役　矢嶋干城</t>
  </si>
  <si>
    <t>8020001015038</t>
  </si>
  <si>
    <t>437212</t>
  </si>
  <si>
    <t>電子体温計購入代</t>
  </si>
  <si>
    <t>449263</t>
  </si>
  <si>
    <t>文具購入代</t>
  </si>
  <si>
    <t>（株）欧文社　代表取締役　中村　重雄</t>
  </si>
  <si>
    <t>1021001019514</t>
  </si>
  <si>
    <t>449348</t>
  </si>
  <si>
    <t>トイレットペーパーの購入</t>
  </si>
  <si>
    <t>449841</t>
  </si>
  <si>
    <t>厚木児童相談所　前渡金受領職員</t>
    <phoneticPr fontId="3"/>
  </si>
  <si>
    <t>503464</t>
  </si>
  <si>
    <t>蛍光灯ほかの購入代</t>
  </si>
  <si>
    <t>507491</t>
  </si>
  <si>
    <t>布地類の購入</t>
  </si>
  <si>
    <t>平塚児童相談所</t>
  </si>
  <si>
    <t>362157</t>
  </si>
  <si>
    <t>いため鍋のほかの購入</t>
  </si>
  <si>
    <t>（株）ユニック　代表取締役　西山　豊</t>
  </si>
  <si>
    <t>3020001016230</t>
  </si>
  <si>
    <t>386358</t>
  </si>
  <si>
    <t>ICカードリーダーの購入</t>
  </si>
  <si>
    <t>（有）高橋紙店　代表取締役　高橋　宏輔</t>
  </si>
  <si>
    <t>409166</t>
  </si>
  <si>
    <t>子ども用歯ブラシほかの購入</t>
  </si>
  <si>
    <t>（有）嶺松　代表取締役　松永　勝</t>
  </si>
  <si>
    <t>409860</t>
  </si>
  <si>
    <t>リチウムコイン電池ほかの購入</t>
  </si>
  <si>
    <t>451928</t>
  </si>
  <si>
    <t>複写機再生紙代（特定あっせん物品）10月分</t>
  </si>
  <si>
    <t>468342</t>
  </si>
  <si>
    <t>消耗品（テレビ用リモコンほか）購入代</t>
  </si>
  <si>
    <t>485195</t>
  </si>
  <si>
    <t>消耗品（一時保護所児童用衣料）購入代</t>
  </si>
  <si>
    <t>（株）タカハシ　代表取締役社長　高橋　千佳司</t>
  </si>
  <si>
    <t>513121</t>
  </si>
  <si>
    <t>519626</t>
  </si>
  <si>
    <t>消耗品（一時保護所児童用おもちゃ）購入代</t>
  </si>
  <si>
    <t>日本トイザらス（株）　財務本部長　平井　文雄</t>
  </si>
  <si>
    <t>6020001071355</t>
  </si>
  <si>
    <t>529017</t>
  </si>
  <si>
    <t>消耗品（一時保護所薬品等）購入代</t>
  </si>
  <si>
    <t>（有）金子薬局　代表取締役　金子　真之</t>
  </si>
  <si>
    <t>5021002057377</t>
  </si>
  <si>
    <t>529065</t>
  </si>
  <si>
    <t>消耗品（スティックファスナーほか）購入代</t>
  </si>
  <si>
    <t>530528</t>
  </si>
  <si>
    <t>消耗品（洗顔せっけんほか）購入代</t>
  </si>
  <si>
    <t>537042</t>
  </si>
  <si>
    <t>消耗品（トナーカートリッジ）購入代</t>
  </si>
  <si>
    <t>580940</t>
  </si>
  <si>
    <t>措置児童支度物品代（第４四半期分）</t>
  </si>
  <si>
    <t>平塚児童相談所　前渡金受領職員</t>
    <phoneticPr fontId="3"/>
  </si>
  <si>
    <t>585922</t>
  </si>
  <si>
    <t>リサイクルトナーカートリッジほか購入費</t>
  </si>
  <si>
    <t>586054</t>
  </si>
  <si>
    <t>ゴミ袋ほかの購入費</t>
  </si>
  <si>
    <t>（株）中商　代表取締役　田中　裕二</t>
  </si>
  <si>
    <t>1021001033894</t>
  </si>
  <si>
    <t>おおいそ学園</t>
  </si>
  <si>
    <t>367620</t>
  </si>
  <si>
    <t>寮で使用するネジリ鎌　他の購入について</t>
  </si>
  <si>
    <t>371730</t>
  </si>
  <si>
    <t>漢字検定の問題集の購入について</t>
  </si>
  <si>
    <t>文林堂書店　二宮　隆光</t>
  </si>
  <si>
    <t>372747</t>
  </si>
  <si>
    <t>トイレットペーパー　他　購入代（オープンカウンター）</t>
  </si>
  <si>
    <t>376840</t>
  </si>
  <si>
    <t>カシオ　キーボードの購入について</t>
  </si>
  <si>
    <t>（株）大村楽器店　代表取締役　福田　良治</t>
  </si>
  <si>
    <t>7021001032461</t>
  </si>
  <si>
    <t>384798</t>
  </si>
  <si>
    <t>キッチンハイター　他の購入について</t>
  </si>
  <si>
    <t>（株）大石商店　代表取締役　大石　憲子</t>
  </si>
  <si>
    <t>4021003000064</t>
  </si>
  <si>
    <t>388309</t>
  </si>
  <si>
    <t>クレラップ　他の購入について</t>
  </si>
  <si>
    <t>404627</t>
  </si>
  <si>
    <t>厨房用消耗品　中性洗剤用スクイーズボトル　購入について</t>
  </si>
  <si>
    <t>405488</t>
  </si>
  <si>
    <t>寮で使用する　箒　他の購入について</t>
  </si>
  <si>
    <t>406384</t>
  </si>
  <si>
    <t>厨房用スニーカー　他の購入について</t>
  </si>
  <si>
    <t>410111</t>
  </si>
  <si>
    <t>授業で使用する問題集（数学・追加分）の購入について</t>
  </si>
  <si>
    <t>（有）やまとや　代表取締役　角川　太一</t>
  </si>
  <si>
    <t>3021002060052</t>
  </si>
  <si>
    <t>412900</t>
  </si>
  <si>
    <t>厨房用消耗品　ユニパックF-4　他の購入について</t>
  </si>
  <si>
    <t>丸善清水（株）　代表取締役　清水　雅広</t>
  </si>
  <si>
    <t>1021001037375</t>
  </si>
  <si>
    <t>419707</t>
  </si>
  <si>
    <t>厨房用消耗品　グリースカッタープラス(強度油汚れ除去剤）他の購入について</t>
  </si>
  <si>
    <t>439237</t>
  </si>
  <si>
    <t>校舎棟・本館廊下等で使用する蛍光灯の購入代</t>
  </si>
  <si>
    <t>（有）斎藤無線電機商会　代表取締役　吉川　五十恵</t>
  </si>
  <si>
    <t>1021002057851</t>
  </si>
  <si>
    <t>445608</t>
  </si>
  <si>
    <t>いちょう寮消耗品（トイレ消臭剤ほか）購入代</t>
  </si>
  <si>
    <t>447285</t>
  </si>
  <si>
    <t>高等部消耗品（ほうれん草種子ほか）購入代</t>
  </si>
  <si>
    <t>全国農業協同組合連合会神奈川県本部ＪＡグリーンかながわ　店長　中丸　弘幸</t>
  </si>
  <si>
    <t>8010005002090</t>
  </si>
  <si>
    <t>450685</t>
  </si>
  <si>
    <t>社会福祉士実習指導者テキストの購入代</t>
  </si>
  <si>
    <t>459184</t>
  </si>
  <si>
    <t>消耗品（インクカートリッジほか）購入代</t>
  </si>
  <si>
    <t>（有）越地書店　代表取締役　越地　祐一郎</t>
  </si>
  <si>
    <t>3021002057734</t>
  </si>
  <si>
    <t>459376</t>
  </si>
  <si>
    <t>児童用消耗品（トレーナーほか）購入代</t>
  </si>
  <si>
    <t>459406</t>
  </si>
  <si>
    <t>児童用消耗品（目覚まし時計ほか）購入代</t>
  </si>
  <si>
    <t>459856</t>
  </si>
  <si>
    <t>収穫祭用消耗品（レジ袋ほか）購入代</t>
  </si>
  <si>
    <t>462624</t>
  </si>
  <si>
    <t>卓球台購入費</t>
  </si>
  <si>
    <t>（資）関水スポーツ　代表社員　関水　正章</t>
  </si>
  <si>
    <t>3021003000131</t>
  </si>
  <si>
    <t>465730</t>
  </si>
  <si>
    <t>消耗品購入代（トイレットペーパーほか）オープンカウンター（１０月分）</t>
  </si>
  <si>
    <t>470226</t>
  </si>
  <si>
    <t>484870</t>
  </si>
  <si>
    <t>授業で使用する問題集（数学・追加分)の購入代</t>
  </si>
  <si>
    <t>510880</t>
  </si>
  <si>
    <t>厨房用ブリーチ購入代</t>
  </si>
  <si>
    <t>511350</t>
  </si>
  <si>
    <t>いちょう寮用（ソーラーライト他）の購入代</t>
  </si>
  <si>
    <t>520649</t>
  </si>
  <si>
    <t>寮で使用する竹箒他の購入代</t>
  </si>
  <si>
    <t>525145</t>
  </si>
  <si>
    <t>インクカートリッジ他の購入代</t>
  </si>
  <si>
    <t>531696</t>
  </si>
  <si>
    <t>歯磨き粉他の購入代</t>
  </si>
  <si>
    <t>531766</t>
  </si>
  <si>
    <t>児童誕生日外出費(12月15日分)</t>
  </si>
  <si>
    <t>533419</t>
  </si>
  <si>
    <t>調理室ホワイトボード購入・設置費</t>
  </si>
  <si>
    <t>（有）伊勢万　代表取締役　鈴木伸好</t>
  </si>
  <si>
    <t>2021002050979</t>
  </si>
  <si>
    <t>541007</t>
  </si>
  <si>
    <t>液体せっけん他の購入代</t>
  </si>
  <si>
    <t>551931</t>
  </si>
  <si>
    <t>本館トイレ用（木目スノコ他）の購入代</t>
  </si>
  <si>
    <t>556149</t>
  </si>
  <si>
    <t>複写用再生紙購入代（11月分)</t>
  </si>
  <si>
    <t>569050</t>
  </si>
  <si>
    <t>厨房用消耗品（ラップ詰替え用他）の購入代</t>
  </si>
  <si>
    <t>579204</t>
  </si>
  <si>
    <t>食堂用石油ストーブ購入費</t>
  </si>
  <si>
    <t>中井やまゆり園</t>
  </si>
  <si>
    <t>365865</t>
  </si>
  <si>
    <t>庁内消耗品（食器乾燥器）購入</t>
  </si>
  <si>
    <t>株式会社コジマ　ＫＢ東海大学東店　店長　門馬　隆男</t>
  </si>
  <si>
    <t>371683</t>
  </si>
  <si>
    <t>令和元年度下半期　複写用再生紙購入</t>
  </si>
  <si>
    <t>有限会社　伊勢万　代表取締役　鈴木　伸好</t>
  </si>
  <si>
    <t>372859</t>
  </si>
  <si>
    <t>上半期　庁内消耗品（紙おむつ）購入</t>
  </si>
  <si>
    <t>（株）茶利　代表取締役　中山　善夫</t>
  </si>
  <si>
    <t>9021001032922</t>
  </si>
  <si>
    <t>373039</t>
  </si>
  <si>
    <t>庁内消耗品（中井やまゆり祭）購入代</t>
  </si>
  <si>
    <t>（有）市川商店　代表取締役　市川　修</t>
  </si>
  <si>
    <t>8021002055106</t>
  </si>
  <si>
    <t>374702</t>
  </si>
  <si>
    <t>空寮　システム収納家具の購入</t>
  </si>
  <si>
    <t>（株）エンドー　代表取締役　遠藤　卓夫</t>
  </si>
  <si>
    <t>5021001033486</t>
  </si>
  <si>
    <t>379787</t>
  </si>
  <si>
    <t>書籍（障害総合支援法 事業者ハンドブックほか）購入</t>
  </si>
  <si>
    <t>株式会社　伊勢原書店　秦野店　店長　國松　武志</t>
  </si>
  <si>
    <t>4021001022374</t>
  </si>
  <si>
    <t>384811</t>
  </si>
  <si>
    <t>発達障害者支援センター検査用紙ほか購入</t>
  </si>
  <si>
    <t>378494</t>
  </si>
  <si>
    <t>令和元年度下半期定期図書及発達障害支援センター定期図書購入</t>
  </si>
  <si>
    <t>389616</t>
  </si>
  <si>
    <t>庁内消耗品（カードリーダー）購入</t>
  </si>
  <si>
    <t>396107</t>
  </si>
  <si>
    <t>歯科材料類（タフト２４ほか）購入</t>
  </si>
  <si>
    <t>㈱　粕谷歯科商会　代表取締役　粕谷　剛</t>
  </si>
  <si>
    <t>5021001032488</t>
  </si>
  <si>
    <t>402730</t>
  </si>
  <si>
    <t>光誘引捕虫システム消耗品代　１０月分</t>
  </si>
  <si>
    <t>有限会社　小田原消毒　代表取締役　福田　誠二</t>
  </si>
  <si>
    <t>7021002051213</t>
  </si>
  <si>
    <t>405780</t>
  </si>
  <si>
    <t>ゴム印購入</t>
  </si>
  <si>
    <t>ひかり印章　代表　西村　謙二</t>
  </si>
  <si>
    <t>415106</t>
  </si>
  <si>
    <t>事務用消耗品（特厚口カラーペーパーほか）購入</t>
  </si>
  <si>
    <t>416113</t>
  </si>
  <si>
    <t>令和元年度下半期　厨房用消耗品（アルミホイルほか）購入</t>
  </si>
  <si>
    <t>416243</t>
  </si>
  <si>
    <t>令和元年度下半期　庁内消耗品（厨房用洗剤）購入</t>
  </si>
  <si>
    <t>416346</t>
  </si>
  <si>
    <t>令和元年度下半期　庁内消耗品（洗濯用洗剤）</t>
  </si>
  <si>
    <t>423489</t>
  </si>
  <si>
    <t>令和元年度下半期　事務用消耗品（インクタンクほか）購入</t>
  </si>
  <si>
    <t>423577</t>
  </si>
  <si>
    <t>令和元年度下半期　庁内消耗品（介護用消耗品ほか）購入</t>
  </si>
  <si>
    <t>株式会社　早野商店　代表取締役社長　早野　清治</t>
  </si>
  <si>
    <t>8021001033112</t>
  </si>
  <si>
    <t>415498</t>
  </si>
  <si>
    <t>令和元年度下半期　庁内消耗品（ちり紙ほか）購入</t>
  </si>
  <si>
    <t>429547</t>
  </si>
  <si>
    <t>庁内消耗品（充電式草刈機ほか）購入</t>
  </si>
  <si>
    <t>429567</t>
  </si>
  <si>
    <t>庁内消耗品（ポータブルトイレほか）購入</t>
  </si>
  <si>
    <t>有限会社　東京ダイヨー器械店　代表取締役　朝生　喜紀</t>
  </si>
  <si>
    <t>8021002032526</t>
  </si>
  <si>
    <t>429670</t>
  </si>
  <si>
    <t>第３四半期・医薬材料類（アルボナースほか）購入</t>
  </si>
  <si>
    <t>429703</t>
  </si>
  <si>
    <t>令和元年度　庁内消耗品（石鹸・洗剤・清掃用品）ほか</t>
  </si>
  <si>
    <t>432736</t>
  </si>
  <si>
    <t>庁内消耗品（パック入り綿棒ほか）購入</t>
  </si>
  <si>
    <t>有限会社　嶺松　代表取締役　松永　勝</t>
  </si>
  <si>
    <t>443462</t>
  </si>
  <si>
    <t>令和元年度下半期　庁内消耗品（紙おむつ）購入</t>
  </si>
  <si>
    <t>444471</t>
  </si>
  <si>
    <t>庁内消耗品（混合燃料ほか）購入</t>
  </si>
  <si>
    <t>株式会社　ビーバートザン秦野店　店長　青木　久典</t>
  </si>
  <si>
    <t>1021001021387</t>
  </si>
  <si>
    <t>451659</t>
  </si>
  <si>
    <t>庁内消耗品（保温食缶ほか）購入代</t>
  </si>
  <si>
    <t>458122</t>
  </si>
  <si>
    <t>書籍（自閉症支援に関するテキスト）購入代</t>
  </si>
  <si>
    <t>458650</t>
  </si>
  <si>
    <t>庁内消耗品（賞状額ほか）購入代</t>
  </si>
  <si>
    <t>459767</t>
  </si>
  <si>
    <t>庁用消耗（防犯金物等）購入代</t>
  </si>
  <si>
    <t>466134</t>
  </si>
  <si>
    <t>光誘引捕虫システム消耗品代　１１月分</t>
  </si>
  <si>
    <t>468376</t>
  </si>
  <si>
    <t>ファックス用トナー購入代</t>
  </si>
  <si>
    <t>467903</t>
  </si>
  <si>
    <t>事務用消耗品（インクタンクほか）購入代</t>
  </si>
  <si>
    <t>480630</t>
  </si>
  <si>
    <t>庁内消耗品（おむつカバーほか）購入代</t>
  </si>
  <si>
    <t>486204</t>
  </si>
  <si>
    <t>庁内消耗品（小丸電球他）購入代</t>
  </si>
  <si>
    <t>有限会社　ナカザト電器商会　代表取締役　伊達　寛</t>
  </si>
  <si>
    <t>3021002052644</t>
  </si>
  <si>
    <t>496087</t>
  </si>
  <si>
    <t>庁用消耗品（高圧洗浄機ノズル）購入代</t>
  </si>
  <si>
    <t>502365</t>
  </si>
  <si>
    <t>庁内消耗品（洗濯用洗剤）購入代</t>
  </si>
  <si>
    <t>502378</t>
  </si>
  <si>
    <t>庁内消耗品（厨房用洗剤）購入代</t>
  </si>
  <si>
    <t>502755</t>
  </si>
  <si>
    <t>庁内消耗品（フードシリコンスプレーほか）購入代</t>
  </si>
  <si>
    <t>504835</t>
  </si>
  <si>
    <t>庁内消耗品（ちり紙ほか）購入代</t>
  </si>
  <si>
    <t>515583</t>
  </si>
  <si>
    <t>庁内消耗品（紙おむつ）購入代</t>
  </si>
  <si>
    <t>515709</t>
  </si>
  <si>
    <t>庁内消耗品（介護用消耗品ほか）購入代</t>
  </si>
  <si>
    <t>519651</t>
  </si>
  <si>
    <t>空寮　製氷機の購入代</t>
  </si>
  <si>
    <t>株式会社　アンドーデンキ　代表取締役　安藤　政和</t>
  </si>
  <si>
    <t>7021001035893</t>
  </si>
  <si>
    <t>520030</t>
  </si>
  <si>
    <t>庁内消耗品（大便フラシュ用チャッキカバー部）購入代</t>
  </si>
  <si>
    <t>株式会社　小島総業　代表取締役　小島　隆彰</t>
  </si>
  <si>
    <t>4021001034428</t>
  </si>
  <si>
    <t>521718</t>
  </si>
  <si>
    <t>厨房用消耗品（アルミホイルほか）購入代</t>
  </si>
  <si>
    <t>521793</t>
  </si>
  <si>
    <t>庁内消耗品（石鹸・洗剤・清掃用品）購入代</t>
  </si>
  <si>
    <t>523886</t>
  </si>
  <si>
    <t>庁内消耗品（水性スーパーコートほか）購入代</t>
  </si>
  <si>
    <t>539721</t>
  </si>
  <si>
    <t>シャワーストレッチャーの購入代</t>
  </si>
  <si>
    <t>543130</t>
  </si>
  <si>
    <t>庁内消耗品（ホワイトボードほか）購入代</t>
  </si>
  <si>
    <t>543593</t>
  </si>
  <si>
    <t>医薬材料類（タミフル）購入代</t>
  </si>
  <si>
    <t>中北薬品（株）小田原支店　支店長　山下　成美</t>
  </si>
  <si>
    <t>6180001039139</t>
  </si>
  <si>
    <t>542345</t>
  </si>
  <si>
    <t>庁内消耗品（洗濯用洗剤）購入代(１２月分)</t>
  </si>
  <si>
    <t>548064</t>
  </si>
  <si>
    <t>庁内消耗品（シャワーボトルほか）購入代</t>
  </si>
  <si>
    <t>552673</t>
  </si>
  <si>
    <t>光誘引捕虫システム消耗品代　１２月分</t>
  </si>
  <si>
    <t>557781</t>
  </si>
  <si>
    <t>事務用消耗品（インクタンクほか）購入代(12月分)</t>
  </si>
  <si>
    <t>560421</t>
  </si>
  <si>
    <t>庁内消耗品（石鹸・洗剤・清掃用品）の購入代（12月分）</t>
  </si>
  <si>
    <t>563138</t>
  </si>
  <si>
    <t>庁内消耗品（ちり紙ほか）購入代（12月分）</t>
  </si>
  <si>
    <t>563273</t>
  </si>
  <si>
    <t>庁内消耗品（介護用消耗品）購入代（12月分）</t>
  </si>
  <si>
    <t>570191</t>
  </si>
  <si>
    <t>厨房用消耗品（アルミホイルほか）購入代（12月分）</t>
  </si>
  <si>
    <t>570311</t>
  </si>
  <si>
    <t>庁内消耗品（厨房用洗剤）購入代（12月分）</t>
  </si>
  <si>
    <t>572419</t>
  </si>
  <si>
    <t>知能検査用具の購入</t>
  </si>
  <si>
    <t>（株）ミヤダイ中央社　代表取締役　宮台俊郎</t>
  </si>
  <si>
    <t>579450</t>
  </si>
  <si>
    <t>歯科材料類（タフト２４ほか）購入代</t>
  </si>
  <si>
    <t>総合療育相談センター</t>
  </si>
  <si>
    <t>356611</t>
  </si>
  <si>
    <t>ＤＶＤドライブほかの購入</t>
  </si>
  <si>
    <t>株式会社ヤマダ電機　茅ヶ崎営業所　所長　古別府　達也</t>
  </si>
  <si>
    <t>356617</t>
  </si>
  <si>
    <t>ハイターほかの購入</t>
  </si>
  <si>
    <t>356624</t>
  </si>
  <si>
    <t>ドキュメントファイルほかの購入</t>
  </si>
  <si>
    <t>357075</t>
  </si>
  <si>
    <t>ホッチキスほかの購入</t>
  </si>
  <si>
    <t>358382</t>
  </si>
  <si>
    <t>マンガン乾電池ほかの購入</t>
  </si>
  <si>
    <t>（有）豊元書店　代表取締役　宮臺　正男</t>
  </si>
  <si>
    <t>358401</t>
  </si>
  <si>
    <t>カラー玉の購入</t>
  </si>
  <si>
    <t>株式会社　ティエムスポーツ湘南　代表取締役　内田　隆久</t>
  </si>
  <si>
    <t>6021001048310</t>
  </si>
  <si>
    <t>343586</t>
  </si>
  <si>
    <t>ゴムヘラほかの購入</t>
  </si>
  <si>
    <t>住販（株）　代表取締役　三股　茂</t>
  </si>
  <si>
    <t>7010001019107</t>
  </si>
  <si>
    <t>370767</t>
  </si>
  <si>
    <t>ＮＴＴ　ＦＡＸ用トナーカートリッジの購入</t>
  </si>
  <si>
    <t>東日本電信電話（株）　取締役　神奈川事業部長　中西　裕信</t>
  </si>
  <si>
    <t>8011101028104</t>
  </si>
  <si>
    <t>382150</t>
  </si>
  <si>
    <t>複写機用再生紙購入代（９月分）（支出）</t>
  </si>
  <si>
    <t>388695</t>
  </si>
  <si>
    <t>トナーカートリッジほかの購入（NTT　FAX用予備）</t>
  </si>
  <si>
    <t>389076</t>
  </si>
  <si>
    <t>６インチスーパーキャスター（コマのみ）の購入</t>
  </si>
  <si>
    <t>有限会社　木村義肢工作研究所　代表取締役　石田　悦子</t>
  </si>
  <si>
    <t>5021002068779</t>
  </si>
  <si>
    <t>406073</t>
  </si>
  <si>
    <t>手洗い評価キット専用ローションの購入</t>
  </si>
  <si>
    <t>（株）八神製作所　横浜営業所　所長　大久保　健一</t>
  </si>
  <si>
    <t>6180001041516</t>
  </si>
  <si>
    <t>407757</t>
  </si>
  <si>
    <t>ボールペンほかの購入</t>
  </si>
  <si>
    <t>407858</t>
  </si>
  <si>
    <t>元禄箸ほかの購入</t>
  </si>
  <si>
    <t>413302</t>
  </si>
  <si>
    <t>インクカートリッジほかの購入</t>
  </si>
  <si>
    <t>414557</t>
  </si>
  <si>
    <t>アルカリ乾電池ほかの購入</t>
  </si>
  <si>
    <t>414693</t>
  </si>
  <si>
    <t>スタンディングフレーム用ネジの購入</t>
  </si>
  <si>
    <t>川村義肢（株）　代表取締役　川村　慶</t>
  </si>
  <si>
    <t>8120001062400</t>
  </si>
  <si>
    <t>416111</t>
  </si>
  <si>
    <t>青年・成人感覚プロファイル　ユーザーマニュアルほかの購入</t>
  </si>
  <si>
    <t>422303</t>
  </si>
  <si>
    <t>弁当容器の購入</t>
  </si>
  <si>
    <t>426059</t>
  </si>
  <si>
    <t>トイレの消臭剤の購入</t>
  </si>
  <si>
    <t>430860</t>
  </si>
  <si>
    <t>実用鍋の購入</t>
  </si>
  <si>
    <t>447214</t>
  </si>
  <si>
    <t>液体ハンドソープ（詰め替え用）の購入</t>
  </si>
  <si>
    <t>457219</t>
  </si>
  <si>
    <t>プリンタインクの購入</t>
  </si>
  <si>
    <t>457283</t>
  </si>
  <si>
    <t>蛍光ペンほかの購入</t>
  </si>
  <si>
    <t>455076</t>
  </si>
  <si>
    <t>465412</t>
  </si>
  <si>
    <t>大型ごみ箱の購入</t>
  </si>
  <si>
    <t>470435</t>
  </si>
  <si>
    <t>複写機用再生紙購入代（１０月分）（支出）</t>
  </si>
  <si>
    <t>488928</t>
  </si>
  <si>
    <t>洗濯機の購入</t>
  </si>
  <si>
    <t>492249</t>
  </si>
  <si>
    <t>掛金等の購入</t>
  </si>
  <si>
    <t>493891</t>
  </si>
  <si>
    <t>シルバニアファミリーおもちゃほかの購入</t>
  </si>
  <si>
    <t>496394</t>
  </si>
  <si>
    <t>ブラックライトの購入</t>
  </si>
  <si>
    <t>（有）長谷川書店　代表取締役　長谷川　稔</t>
  </si>
  <si>
    <t>497981</t>
  </si>
  <si>
    <t>パネルシアター用パネル布（白）の購入</t>
  </si>
  <si>
    <t>（株）湘学　代表取締役　田原　涼太</t>
  </si>
  <si>
    <t>7021001040514</t>
  </si>
  <si>
    <t>499151</t>
  </si>
  <si>
    <t>ボンドＧクリヤーの購入</t>
  </si>
  <si>
    <t>502045</t>
  </si>
  <si>
    <t>マグカップの購入</t>
  </si>
  <si>
    <t>502051</t>
  </si>
  <si>
    <t>写真用紙ほかの購入</t>
  </si>
  <si>
    <t>503896</t>
  </si>
  <si>
    <t>給水モップほかの購入</t>
  </si>
  <si>
    <t>505604</t>
  </si>
  <si>
    <t>除菌クロスほかの購入</t>
  </si>
  <si>
    <t>（株）いわしや西方医科器械　代表取締役　西方　雅志</t>
  </si>
  <si>
    <t>8021001038219</t>
  </si>
  <si>
    <t>506344</t>
  </si>
  <si>
    <t>キクロンＡほかの購入</t>
  </si>
  <si>
    <t>524314</t>
  </si>
  <si>
    <t>専用ワイヤレスマイクの購入</t>
  </si>
  <si>
    <t>529827</t>
  </si>
  <si>
    <t>ゴミ袋の購入</t>
  </si>
  <si>
    <t>540269</t>
  </si>
  <si>
    <t>複写機用再生紙購入代（１１月分）（支出）</t>
  </si>
  <si>
    <t>550221</t>
  </si>
  <si>
    <t>殺菌ランプの購入</t>
  </si>
  <si>
    <t>日本給食設備（株）関東事業所　所長　奥田　均</t>
  </si>
  <si>
    <t>9010901008990</t>
  </si>
  <si>
    <t>571523</t>
  </si>
  <si>
    <t>計量カップの購入</t>
  </si>
  <si>
    <t>571545</t>
  </si>
  <si>
    <t>手芸わたほかの購入</t>
  </si>
  <si>
    <t>571560</t>
  </si>
  <si>
    <t>574207</t>
  </si>
  <si>
    <t>個別フォルダーほかの購入</t>
  </si>
  <si>
    <t>574211</t>
  </si>
  <si>
    <t>580280</t>
  </si>
  <si>
    <t>改訂版標準読み書きスクリーニング検査記録・答案用紙（中学）の購入</t>
  </si>
  <si>
    <t>株式会社千葉テストセンター　代表取締役　千葉　一貴</t>
  </si>
  <si>
    <t>581029</t>
  </si>
  <si>
    <t>582078</t>
  </si>
  <si>
    <t>修正テープ等の購入</t>
  </si>
  <si>
    <t>582391</t>
  </si>
  <si>
    <t>輪ゴムほかの購入</t>
  </si>
  <si>
    <t>次世代育成課</t>
  </si>
  <si>
    <t>472577</t>
  </si>
  <si>
    <t>（有）鈴文堂　代表取締役　鈴木　博</t>
  </si>
  <si>
    <t>5020002032142</t>
  </si>
  <si>
    <t>高齢福祉課</t>
  </si>
  <si>
    <t>362223</t>
  </si>
  <si>
    <t>アクリルフレームの購入</t>
  </si>
  <si>
    <t>372327</t>
  </si>
  <si>
    <t>【高齢福祉課】：参考図書の購入について</t>
  </si>
  <si>
    <t>（株）弘集堂本店　代表取締役　天野　潔</t>
  </si>
  <si>
    <t>1020001026388</t>
  </si>
  <si>
    <t>391594</t>
  </si>
  <si>
    <t>高齢福祉課：ＵＣギフトカード購入</t>
  </si>
  <si>
    <t>（株）そごう・西武　そごう横浜店　執行役員横浜店長　篁　富夫</t>
  </si>
  <si>
    <t>6010001127026</t>
  </si>
  <si>
    <t>398816</t>
  </si>
  <si>
    <t>高齢福祉課：かながわ感動介護大賞副賞（焼き菓子詰め合わせ）購入</t>
  </si>
  <si>
    <t>（福）白根学園　社会就労センターのぞみ　管理者　根橋　達治</t>
  </si>
  <si>
    <t>3020005003877</t>
  </si>
  <si>
    <t>424349</t>
  </si>
  <si>
    <t>高齢者福祉関係功労者表彰記念品（焼き菓子詰め合わせ）</t>
  </si>
  <si>
    <t>社会福祉法人白根学園　社会就労センターのぞみ　理事長　三木　健</t>
  </si>
  <si>
    <t>429159</t>
  </si>
  <si>
    <t>神奈川県高齢者福祉関係功労者表彰記念品（賞状額・手提げ袋）</t>
  </si>
  <si>
    <t>498372</t>
  </si>
  <si>
    <t>事務用消耗品（ゴム印等）の購入</t>
  </si>
  <si>
    <t>519539</t>
  </si>
  <si>
    <t>ＨＡＬ福祉用電極パッドの購入</t>
  </si>
  <si>
    <t>ＣＹＢＥＲＤＹＮＥ（株）　代表取締役　山海　嘉之</t>
  </si>
  <si>
    <t>8050001016537</t>
  </si>
  <si>
    <t>523108</t>
  </si>
  <si>
    <t>参加賞ボールペンの購入代</t>
  </si>
  <si>
    <t>（株）アイエンス　代表取締役　佐藤　哲男</t>
  </si>
  <si>
    <t>7021001022396</t>
  </si>
  <si>
    <t>534202</t>
  </si>
  <si>
    <t>精密機器ボックス８の購入</t>
  </si>
  <si>
    <t>ヤマト運輸株式会社　横浜海岸通センター　センター長　佐野　洋太郎</t>
  </si>
  <si>
    <t>1010001092605</t>
  </si>
  <si>
    <t>子ども支援課</t>
  </si>
  <si>
    <t>415660</t>
  </si>
  <si>
    <t>お茶500ml購入代</t>
  </si>
  <si>
    <t>532390</t>
  </si>
  <si>
    <t>消耗品（カラーインデックスほか）購入代</t>
  </si>
  <si>
    <t>子ども自立生活支援センター　前渡金受領職員</t>
    <phoneticPr fontId="3"/>
  </si>
  <si>
    <t>女性相談所　前渡金受領職員</t>
    <phoneticPr fontId="3"/>
  </si>
  <si>
    <t>中央児童相談所　前渡金受領職員</t>
    <phoneticPr fontId="3"/>
  </si>
  <si>
    <t>厚木児童相談所　前渡金受領職員</t>
    <phoneticPr fontId="3"/>
  </si>
  <si>
    <t>おおいそ学園　前渡金受領職員</t>
    <phoneticPr fontId="3"/>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76" formatCode="[$-411]ggge&quot;年度&quot;"/>
    <numFmt numFmtId="177" formatCode="#,##0_ "/>
  </numFmts>
  <fonts count="5" x14ac:knownFonts="1">
    <font>
      <sz val="12"/>
      <color theme="1"/>
      <name val="ＭＳ 明朝"/>
      <family val="2"/>
      <charset val="128"/>
    </font>
    <font>
      <sz val="11"/>
      <name val="ＭＳ Ｐゴシック"/>
      <family val="3"/>
      <charset val="128"/>
    </font>
    <font>
      <sz val="10"/>
      <name val="ＭＳ ゴシック"/>
      <family val="3"/>
      <charset val="128"/>
    </font>
    <font>
      <sz val="6"/>
      <name val="ＭＳ 明朝"/>
      <family val="2"/>
      <charset val="128"/>
    </font>
    <font>
      <sz val="6"/>
      <name val="ＭＳ Ｐゴシック"/>
      <family val="3"/>
      <charset val="128"/>
    </font>
  </fonts>
  <fills count="3">
    <fill>
      <patternFill patternType="none"/>
    </fill>
    <fill>
      <patternFill patternType="gray125"/>
    </fill>
    <fill>
      <patternFill patternType="solid">
        <fgColor indexed="42"/>
        <bgColor indexed="64"/>
      </patternFill>
    </fill>
  </fills>
  <borders count="2">
    <border>
      <left/>
      <right/>
      <top/>
      <bottom/>
      <diagonal/>
    </border>
    <border>
      <left style="thin">
        <color indexed="64"/>
      </left>
      <right style="thin">
        <color indexed="64"/>
      </right>
      <top style="thin">
        <color indexed="64"/>
      </top>
      <bottom style="thin">
        <color indexed="64"/>
      </bottom>
      <diagonal/>
    </border>
  </borders>
  <cellStyleXfs count="2">
    <xf numFmtId="0" fontId="0" fillId="0" borderId="0">
      <alignment vertical="center"/>
    </xf>
    <xf numFmtId="0" fontId="1" fillId="0" borderId="0">
      <alignment vertical="center"/>
    </xf>
  </cellStyleXfs>
  <cellXfs count="9">
    <xf numFmtId="0" fontId="0" fillId="0" borderId="0" xfId="0">
      <alignment vertical="center"/>
    </xf>
    <xf numFmtId="0" fontId="2" fillId="2" borderId="1" xfId="1" applyFont="1" applyFill="1" applyBorder="1" applyAlignment="1" applyProtection="1">
      <alignment horizontal="center" vertical="center"/>
      <protection locked="0"/>
    </xf>
    <xf numFmtId="0" fontId="2" fillId="2" borderId="1" xfId="1" applyFont="1" applyFill="1" applyBorder="1" applyAlignment="1" applyProtection="1">
      <alignment horizontal="center" vertical="center" wrapText="1"/>
      <protection locked="0"/>
    </xf>
    <xf numFmtId="0" fontId="2" fillId="0" borderId="0" xfId="1" applyFont="1" applyProtection="1">
      <alignment vertical="center"/>
      <protection locked="0"/>
    </xf>
    <xf numFmtId="176" fontId="2" fillId="0" borderId="1" xfId="0" applyNumberFormat="1" applyFont="1" applyFill="1" applyBorder="1" applyAlignment="1" applyProtection="1">
      <alignment horizontal="center" vertical="center" shrinkToFit="1"/>
      <protection locked="0"/>
    </xf>
    <xf numFmtId="49" fontId="2" fillId="0" borderId="1" xfId="0" applyNumberFormat="1" applyFont="1" applyFill="1" applyBorder="1" applyAlignment="1" applyProtection="1">
      <alignment vertical="center" wrapText="1"/>
      <protection locked="0"/>
    </xf>
    <xf numFmtId="49" fontId="2" fillId="0" borderId="1" xfId="0" applyNumberFormat="1" applyFont="1" applyFill="1" applyBorder="1" applyAlignment="1" applyProtection="1">
      <alignment horizontal="center" vertical="center" shrinkToFit="1"/>
      <protection locked="0"/>
    </xf>
    <xf numFmtId="177" fontId="2" fillId="0" borderId="1" xfId="0" applyNumberFormat="1" applyFont="1" applyFill="1" applyBorder="1" applyAlignment="1" applyProtection="1">
      <alignment vertical="center" shrinkToFit="1"/>
      <protection locked="0"/>
    </xf>
    <xf numFmtId="14" fontId="2" fillId="0" borderId="1" xfId="0" applyNumberFormat="1" applyFont="1" applyFill="1" applyBorder="1" applyAlignment="1" applyProtection="1">
      <alignment horizontal="center" vertical="center" shrinkToFit="1"/>
      <protection locked="0"/>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414"/>
  <sheetViews>
    <sheetView tabSelected="1" zoomScaleNormal="100" workbookViewId="0">
      <pane ySplit="1" topLeftCell="A2" activePane="bottomLeft" state="frozen"/>
      <selection pane="bottomLeft" activeCell="A2" sqref="A2"/>
    </sheetView>
  </sheetViews>
  <sheetFormatPr defaultColWidth="8.25" defaultRowHeight="12" x14ac:dyDescent="0.2"/>
  <cols>
    <col min="1" max="1" width="9.58203125" style="3" customWidth="1"/>
    <col min="2" max="3" width="14.1640625" style="3" customWidth="1"/>
    <col min="4" max="4" width="8.58203125" style="3" customWidth="1"/>
    <col min="5" max="5" width="38.58203125" style="3" customWidth="1"/>
    <col min="6" max="6" width="16.5" style="3" bestFit="1" customWidth="1"/>
    <col min="7" max="7" width="28.5" style="3" customWidth="1"/>
    <col min="8" max="8" width="10.25" style="3" customWidth="1"/>
    <col min="9" max="9" width="9.75" style="3" customWidth="1"/>
    <col min="10" max="16384" width="8.25" style="3"/>
  </cols>
  <sheetData>
    <row r="1" spans="1:9" ht="27.75" customHeight="1" x14ac:dyDescent="0.2">
      <c r="A1" s="1" t="s">
        <v>0</v>
      </c>
      <c r="B1" s="1" t="s">
        <v>1</v>
      </c>
      <c r="C1" s="1" t="s">
        <v>2</v>
      </c>
      <c r="D1" s="2" t="s">
        <v>3</v>
      </c>
      <c r="E1" s="1" t="s">
        <v>4</v>
      </c>
      <c r="F1" s="1" t="s">
        <v>5</v>
      </c>
      <c r="G1" s="2" t="s">
        <v>6</v>
      </c>
      <c r="H1" s="2" t="s">
        <v>7</v>
      </c>
      <c r="I1" s="1" t="s">
        <v>8</v>
      </c>
    </row>
    <row r="2" spans="1:9" ht="24" x14ac:dyDescent="0.2">
      <c r="A2" s="4">
        <v>43556</v>
      </c>
      <c r="B2" s="5" t="s">
        <v>9</v>
      </c>
      <c r="C2" s="5" t="s">
        <v>10</v>
      </c>
      <c r="D2" s="6" t="s">
        <v>11</v>
      </c>
      <c r="E2" s="5" t="s">
        <v>12</v>
      </c>
      <c r="F2" s="7">
        <v>110000</v>
      </c>
      <c r="G2" s="5" t="s">
        <v>13</v>
      </c>
      <c r="H2" s="6" t="s">
        <v>14</v>
      </c>
      <c r="I2" s="8">
        <v>43740</v>
      </c>
    </row>
    <row r="3" spans="1:9" ht="24" x14ac:dyDescent="0.2">
      <c r="A3" s="4">
        <v>43556</v>
      </c>
      <c r="B3" s="5" t="s">
        <v>9</v>
      </c>
      <c r="C3" s="5" t="s">
        <v>10</v>
      </c>
      <c r="D3" s="6" t="s">
        <v>15</v>
      </c>
      <c r="E3" s="5" t="s">
        <v>16</v>
      </c>
      <c r="F3" s="7">
        <v>2791</v>
      </c>
      <c r="G3" s="5" t="s">
        <v>17</v>
      </c>
      <c r="H3" s="6" t="s">
        <v>18</v>
      </c>
      <c r="I3" s="8">
        <v>43783</v>
      </c>
    </row>
    <row r="4" spans="1:9" ht="24" x14ac:dyDescent="0.2">
      <c r="A4" s="4">
        <v>43556</v>
      </c>
      <c r="B4" s="5" t="s">
        <v>9</v>
      </c>
      <c r="C4" s="5" t="s">
        <v>10</v>
      </c>
      <c r="D4" s="6" t="s">
        <v>19</v>
      </c>
      <c r="E4" s="5" t="s">
        <v>20</v>
      </c>
      <c r="F4" s="7">
        <v>3399</v>
      </c>
      <c r="G4" s="5" t="s">
        <v>21</v>
      </c>
      <c r="H4" s="6" t="s">
        <v>22</v>
      </c>
      <c r="I4" s="8">
        <v>43797</v>
      </c>
    </row>
    <row r="5" spans="1:9" ht="24" x14ac:dyDescent="0.2">
      <c r="A5" s="4">
        <v>43556</v>
      </c>
      <c r="B5" s="5" t="s">
        <v>9</v>
      </c>
      <c r="C5" s="5" t="s">
        <v>10</v>
      </c>
      <c r="D5" s="6" t="s">
        <v>23</v>
      </c>
      <c r="E5" s="5" t="s">
        <v>24</v>
      </c>
      <c r="F5" s="7">
        <v>36300</v>
      </c>
      <c r="G5" s="5" t="s">
        <v>25</v>
      </c>
      <c r="H5" s="6" t="s">
        <v>26</v>
      </c>
      <c r="I5" s="8">
        <v>43803</v>
      </c>
    </row>
    <row r="6" spans="1:9" ht="24" x14ac:dyDescent="0.2">
      <c r="A6" s="4">
        <v>43556</v>
      </c>
      <c r="B6" s="5" t="s">
        <v>9</v>
      </c>
      <c r="C6" s="5" t="s">
        <v>10</v>
      </c>
      <c r="D6" s="6" t="s">
        <v>27</v>
      </c>
      <c r="E6" s="5" t="s">
        <v>16</v>
      </c>
      <c r="F6" s="7">
        <v>49500</v>
      </c>
      <c r="G6" s="5" t="s">
        <v>25</v>
      </c>
      <c r="H6" s="6" t="s">
        <v>26</v>
      </c>
      <c r="I6" s="8">
        <v>43810</v>
      </c>
    </row>
    <row r="7" spans="1:9" ht="24" x14ac:dyDescent="0.2">
      <c r="A7" s="4">
        <v>43556</v>
      </c>
      <c r="B7" s="5" t="s">
        <v>9</v>
      </c>
      <c r="C7" s="5" t="s">
        <v>10</v>
      </c>
      <c r="D7" s="6" t="s">
        <v>28</v>
      </c>
      <c r="E7" s="5" t="s">
        <v>29</v>
      </c>
      <c r="F7" s="7">
        <v>14410</v>
      </c>
      <c r="G7" s="5" t="s">
        <v>17</v>
      </c>
      <c r="H7" s="6" t="s">
        <v>18</v>
      </c>
      <c r="I7" s="8">
        <v>43810</v>
      </c>
    </row>
    <row r="8" spans="1:9" ht="24" x14ac:dyDescent="0.2">
      <c r="A8" s="4">
        <v>43556</v>
      </c>
      <c r="B8" s="5" t="s">
        <v>9</v>
      </c>
      <c r="C8" s="5" t="s">
        <v>10</v>
      </c>
      <c r="D8" s="6" t="s">
        <v>30</v>
      </c>
      <c r="E8" s="5" t="s">
        <v>31</v>
      </c>
      <c r="F8" s="7">
        <v>9900</v>
      </c>
      <c r="G8" s="5" t="s">
        <v>17</v>
      </c>
      <c r="H8" s="6" t="s">
        <v>18</v>
      </c>
      <c r="I8" s="8">
        <v>43812</v>
      </c>
    </row>
    <row r="9" spans="1:9" ht="24" x14ac:dyDescent="0.2">
      <c r="A9" s="4">
        <v>43556</v>
      </c>
      <c r="B9" s="5" t="s">
        <v>9</v>
      </c>
      <c r="C9" s="5" t="s">
        <v>10</v>
      </c>
      <c r="D9" s="6" t="s">
        <v>32</v>
      </c>
      <c r="E9" s="5" t="s">
        <v>20</v>
      </c>
      <c r="F9" s="7">
        <v>4983</v>
      </c>
      <c r="G9" s="5" t="s">
        <v>21</v>
      </c>
      <c r="H9" s="6" t="s">
        <v>22</v>
      </c>
      <c r="I9" s="8">
        <v>43818</v>
      </c>
    </row>
    <row r="10" spans="1:9" ht="24" x14ac:dyDescent="0.2">
      <c r="A10" s="4">
        <v>43556</v>
      </c>
      <c r="B10" s="5" t="s">
        <v>9</v>
      </c>
      <c r="C10" s="5" t="s">
        <v>10</v>
      </c>
      <c r="D10" s="6" t="s">
        <v>33</v>
      </c>
      <c r="E10" s="5" t="s">
        <v>24</v>
      </c>
      <c r="F10" s="7">
        <v>242550</v>
      </c>
      <c r="G10" s="5" t="s">
        <v>34</v>
      </c>
      <c r="H10" s="6" t="s">
        <v>35</v>
      </c>
      <c r="I10" s="8">
        <v>43823</v>
      </c>
    </row>
    <row r="11" spans="1:9" ht="24" x14ac:dyDescent="0.2">
      <c r="A11" s="4">
        <v>43556</v>
      </c>
      <c r="B11" s="5" t="s">
        <v>9</v>
      </c>
      <c r="C11" s="5" t="s">
        <v>10</v>
      </c>
      <c r="D11" s="6" t="s">
        <v>36</v>
      </c>
      <c r="E11" s="5" t="s">
        <v>37</v>
      </c>
      <c r="F11" s="7">
        <v>21344</v>
      </c>
      <c r="G11" s="5" t="s">
        <v>38</v>
      </c>
      <c r="H11" s="6" t="s">
        <v>39</v>
      </c>
      <c r="I11" s="8">
        <v>43824</v>
      </c>
    </row>
    <row r="12" spans="1:9" ht="24" x14ac:dyDescent="0.2">
      <c r="A12" s="4">
        <v>43556</v>
      </c>
      <c r="B12" s="5" t="s">
        <v>9</v>
      </c>
      <c r="C12" s="5" t="s">
        <v>40</v>
      </c>
      <c r="D12" s="6" t="s">
        <v>41</v>
      </c>
      <c r="E12" s="5" t="s">
        <v>42</v>
      </c>
      <c r="F12" s="7">
        <v>7453</v>
      </c>
      <c r="G12" s="5" t="s">
        <v>43</v>
      </c>
      <c r="H12" s="6" t="s">
        <v>44</v>
      </c>
      <c r="I12" s="8">
        <v>43740</v>
      </c>
    </row>
    <row r="13" spans="1:9" ht="24" x14ac:dyDescent="0.2">
      <c r="A13" s="4">
        <v>43556</v>
      </c>
      <c r="B13" s="5" t="s">
        <v>9</v>
      </c>
      <c r="C13" s="5" t="s">
        <v>40</v>
      </c>
      <c r="D13" s="6" t="s">
        <v>45</v>
      </c>
      <c r="E13" s="5" t="s">
        <v>46</v>
      </c>
      <c r="F13" s="7">
        <v>18400</v>
      </c>
      <c r="G13" s="5" t="s">
        <v>47</v>
      </c>
      <c r="H13" s="6" t="s">
        <v>48</v>
      </c>
      <c r="I13" s="8">
        <v>43746</v>
      </c>
    </row>
    <row r="14" spans="1:9" ht="24" x14ac:dyDescent="0.2">
      <c r="A14" s="4">
        <v>43556</v>
      </c>
      <c r="B14" s="5" t="s">
        <v>9</v>
      </c>
      <c r="C14" s="5" t="s">
        <v>40</v>
      </c>
      <c r="D14" s="6" t="s">
        <v>49</v>
      </c>
      <c r="E14" s="5" t="s">
        <v>50</v>
      </c>
      <c r="F14" s="7">
        <v>376019</v>
      </c>
      <c r="G14" s="5" t="s">
        <v>51</v>
      </c>
      <c r="H14" s="6" t="s">
        <v>52</v>
      </c>
      <c r="I14" s="8">
        <v>43749</v>
      </c>
    </row>
    <row r="15" spans="1:9" ht="24" x14ac:dyDescent="0.2">
      <c r="A15" s="4">
        <v>43556</v>
      </c>
      <c r="B15" s="5" t="s">
        <v>9</v>
      </c>
      <c r="C15" s="5" t="s">
        <v>40</v>
      </c>
      <c r="D15" s="6" t="s">
        <v>53</v>
      </c>
      <c r="E15" s="5" t="s">
        <v>46</v>
      </c>
      <c r="F15" s="7">
        <v>8560</v>
      </c>
      <c r="G15" s="5" t="s">
        <v>54</v>
      </c>
      <c r="H15" s="6" t="s">
        <v>55</v>
      </c>
      <c r="I15" s="8">
        <v>43761</v>
      </c>
    </row>
    <row r="16" spans="1:9" ht="24" x14ac:dyDescent="0.2">
      <c r="A16" s="4">
        <v>43556</v>
      </c>
      <c r="B16" s="5" t="s">
        <v>9</v>
      </c>
      <c r="C16" s="5" t="s">
        <v>40</v>
      </c>
      <c r="D16" s="6" t="s">
        <v>56</v>
      </c>
      <c r="E16" s="5" t="s">
        <v>57</v>
      </c>
      <c r="F16" s="7">
        <v>204239</v>
      </c>
      <c r="G16" s="5" t="s">
        <v>51</v>
      </c>
      <c r="H16" s="6" t="s">
        <v>52</v>
      </c>
      <c r="I16" s="8">
        <v>43789</v>
      </c>
    </row>
    <row r="17" spans="1:9" ht="24" x14ac:dyDescent="0.2">
      <c r="A17" s="4">
        <v>43556</v>
      </c>
      <c r="B17" s="5" t="s">
        <v>9</v>
      </c>
      <c r="C17" s="5" t="s">
        <v>40</v>
      </c>
      <c r="D17" s="6" t="s">
        <v>58</v>
      </c>
      <c r="E17" s="5" t="s">
        <v>59</v>
      </c>
      <c r="F17" s="7">
        <v>44484</v>
      </c>
      <c r="G17" s="5" t="s">
        <v>60</v>
      </c>
      <c r="H17" s="6" t="s">
        <v>61</v>
      </c>
      <c r="I17" s="8">
        <v>43790</v>
      </c>
    </row>
    <row r="18" spans="1:9" ht="24" x14ac:dyDescent="0.2">
      <c r="A18" s="4">
        <v>43556</v>
      </c>
      <c r="B18" s="5" t="s">
        <v>9</v>
      </c>
      <c r="C18" s="5" t="s">
        <v>40</v>
      </c>
      <c r="D18" s="6" t="s">
        <v>62</v>
      </c>
      <c r="E18" s="5" t="s">
        <v>63</v>
      </c>
      <c r="F18" s="7">
        <v>81180</v>
      </c>
      <c r="G18" s="5" t="s">
        <v>60</v>
      </c>
      <c r="H18" s="6" t="s">
        <v>61</v>
      </c>
      <c r="I18" s="8">
        <v>43809</v>
      </c>
    </row>
    <row r="19" spans="1:9" ht="24" x14ac:dyDescent="0.2">
      <c r="A19" s="4">
        <v>43556</v>
      </c>
      <c r="B19" s="5" t="s">
        <v>9</v>
      </c>
      <c r="C19" s="5" t="s">
        <v>40</v>
      </c>
      <c r="D19" s="6" t="s">
        <v>64</v>
      </c>
      <c r="E19" s="5" t="s">
        <v>65</v>
      </c>
      <c r="F19" s="7">
        <v>22638</v>
      </c>
      <c r="G19" s="5" t="s">
        <v>66</v>
      </c>
      <c r="H19" s="6" t="s">
        <v>67</v>
      </c>
      <c r="I19" s="8">
        <v>43823</v>
      </c>
    </row>
    <row r="20" spans="1:9" ht="24" x14ac:dyDescent="0.2">
      <c r="A20" s="4">
        <v>43556</v>
      </c>
      <c r="B20" s="5" t="s">
        <v>9</v>
      </c>
      <c r="C20" s="5" t="s">
        <v>40</v>
      </c>
      <c r="D20" s="6" t="s">
        <v>68</v>
      </c>
      <c r="E20" s="5" t="s">
        <v>69</v>
      </c>
      <c r="F20" s="7">
        <v>267203</v>
      </c>
      <c r="G20" s="5" t="s">
        <v>51</v>
      </c>
      <c r="H20" s="6" t="s">
        <v>52</v>
      </c>
      <c r="I20" s="8">
        <v>43823</v>
      </c>
    </row>
    <row r="21" spans="1:9" ht="24" x14ac:dyDescent="0.2">
      <c r="A21" s="4">
        <v>43556</v>
      </c>
      <c r="B21" s="5" t="s">
        <v>9</v>
      </c>
      <c r="C21" s="5" t="s">
        <v>70</v>
      </c>
      <c r="D21" s="6" t="s">
        <v>71</v>
      </c>
      <c r="E21" s="5" t="s">
        <v>72</v>
      </c>
      <c r="F21" s="7">
        <v>115600</v>
      </c>
      <c r="G21" s="5" t="s">
        <v>73</v>
      </c>
      <c r="H21" s="6" t="s">
        <v>74</v>
      </c>
      <c r="I21" s="8">
        <v>43739</v>
      </c>
    </row>
    <row r="22" spans="1:9" ht="24" x14ac:dyDescent="0.2">
      <c r="A22" s="4">
        <v>43556</v>
      </c>
      <c r="B22" s="5" t="s">
        <v>9</v>
      </c>
      <c r="C22" s="5" t="s">
        <v>70</v>
      </c>
      <c r="D22" s="6" t="s">
        <v>75</v>
      </c>
      <c r="E22" s="5" t="s">
        <v>76</v>
      </c>
      <c r="F22" s="7">
        <v>19855</v>
      </c>
      <c r="G22" s="5" t="s">
        <v>77</v>
      </c>
      <c r="H22" s="6" t="s">
        <v>78</v>
      </c>
      <c r="I22" s="8">
        <v>43742</v>
      </c>
    </row>
    <row r="23" spans="1:9" ht="24" x14ac:dyDescent="0.2">
      <c r="A23" s="4">
        <v>43556</v>
      </c>
      <c r="B23" s="5" t="s">
        <v>9</v>
      </c>
      <c r="C23" s="5" t="s">
        <v>70</v>
      </c>
      <c r="D23" s="6" t="s">
        <v>79</v>
      </c>
      <c r="E23" s="5" t="s">
        <v>80</v>
      </c>
      <c r="F23" s="7">
        <v>30250</v>
      </c>
      <c r="G23" s="5" t="s">
        <v>81</v>
      </c>
      <c r="H23" s="6" t="s">
        <v>82</v>
      </c>
      <c r="I23" s="8">
        <v>43808</v>
      </c>
    </row>
    <row r="24" spans="1:9" ht="24" x14ac:dyDescent="0.2">
      <c r="A24" s="4">
        <v>43556</v>
      </c>
      <c r="B24" s="5" t="s">
        <v>9</v>
      </c>
      <c r="C24" s="5" t="s">
        <v>70</v>
      </c>
      <c r="D24" s="6" t="s">
        <v>83</v>
      </c>
      <c r="E24" s="5" t="s">
        <v>84</v>
      </c>
      <c r="F24" s="7">
        <v>39325</v>
      </c>
      <c r="G24" s="5" t="s">
        <v>85</v>
      </c>
      <c r="H24" s="6" t="s">
        <v>86</v>
      </c>
      <c r="I24" s="8">
        <v>43826</v>
      </c>
    </row>
    <row r="25" spans="1:9" ht="24" x14ac:dyDescent="0.2">
      <c r="A25" s="4">
        <v>43556</v>
      </c>
      <c r="B25" s="5" t="s">
        <v>9</v>
      </c>
      <c r="C25" s="5" t="s">
        <v>87</v>
      </c>
      <c r="D25" s="6" t="s">
        <v>88</v>
      </c>
      <c r="E25" s="5" t="s">
        <v>89</v>
      </c>
      <c r="F25" s="7">
        <v>49500</v>
      </c>
      <c r="G25" s="5" t="s">
        <v>90</v>
      </c>
      <c r="H25" s="6" t="s">
        <v>91</v>
      </c>
      <c r="I25" s="8">
        <v>43741</v>
      </c>
    </row>
    <row r="26" spans="1:9" ht="24" x14ac:dyDescent="0.2">
      <c r="A26" s="4">
        <v>43556</v>
      </c>
      <c r="B26" s="5" t="s">
        <v>9</v>
      </c>
      <c r="C26" s="5" t="s">
        <v>87</v>
      </c>
      <c r="D26" s="6" t="s">
        <v>92</v>
      </c>
      <c r="E26" s="5" t="s">
        <v>93</v>
      </c>
      <c r="F26" s="7">
        <v>11000</v>
      </c>
      <c r="G26" s="5" t="s">
        <v>94</v>
      </c>
      <c r="H26" s="6" t="s">
        <v>95</v>
      </c>
      <c r="I26" s="8">
        <v>43741</v>
      </c>
    </row>
    <row r="27" spans="1:9" ht="24" x14ac:dyDescent="0.2">
      <c r="A27" s="4">
        <v>43556</v>
      </c>
      <c r="B27" s="5" t="s">
        <v>9</v>
      </c>
      <c r="C27" s="5" t="s">
        <v>87</v>
      </c>
      <c r="D27" s="6" t="s">
        <v>96</v>
      </c>
      <c r="E27" s="5" t="s">
        <v>97</v>
      </c>
      <c r="F27" s="7">
        <v>72600</v>
      </c>
      <c r="G27" s="5" t="s">
        <v>98</v>
      </c>
      <c r="H27" s="6" t="s">
        <v>99</v>
      </c>
      <c r="I27" s="8">
        <v>43747</v>
      </c>
    </row>
    <row r="28" spans="1:9" ht="24" x14ac:dyDescent="0.2">
      <c r="A28" s="4">
        <v>43556</v>
      </c>
      <c r="B28" s="5" t="s">
        <v>9</v>
      </c>
      <c r="C28" s="5" t="s">
        <v>87</v>
      </c>
      <c r="D28" s="6" t="s">
        <v>100</v>
      </c>
      <c r="E28" s="5" t="s">
        <v>101</v>
      </c>
      <c r="F28" s="7">
        <v>12210</v>
      </c>
      <c r="G28" s="5" t="s">
        <v>102</v>
      </c>
      <c r="H28" s="6" t="s">
        <v>103</v>
      </c>
      <c r="I28" s="8">
        <v>43747</v>
      </c>
    </row>
    <row r="29" spans="1:9" ht="24" x14ac:dyDescent="0.2">
      <c r="A29" s="4">
        <v>43556</v>
      </c>
      <c r="B29" s="5" t="s">
        <v>9</v>
      </c>
      <c r="C29" s="5" t="s">
        <v>87</v>
      </c>
      <c r="D29" s="6" t="s">
        <v>104</v>
      </c>
      <c r="E29" s="5" t="s">
        <v>105</v>
      </c>
      <c r="F29" s="7">
        <v>20000</v>
      </c>
      <c r="G29" s="5" t="s">
        <v>106</v>
      </c>
      <c r="H29" s="6" t="s">
        <v>107</v>
      </c>
      <c r="I29" s="8">
        <v>43762</v>
      </c>
    </row>
    <row r="30" spans="1:9" ht="24" x14ac:dyDescent="0.2">
      <c r="A30" s="4">
        <v>43556</v>
      </c>
      <c r="B30" s="5" t="s">
        <v>9</v>
      </c>
      <c r="C30" s="5" t="s">
        <v>87</v>
      </c>
      <c r="D30" s="6" t="s">
        <v>108</v>
      </c>
      <c r="E30" s="5" t="s">
        <v>109</v>
      </c>
      <c r="F30" s="7">
        <v>29040</v>
      </c>
      <c r="G30" s="5" t="s">
        <v>110</v>
      </c>
      <c r="H30" s="6" t="s">
        <v>111</v>
      </c>
      <c r="I30" s="8">
        <v>43762</v>
      </c>
    </row>
    <row r="31" spans="1:9" ht="24" x14ac:dyDescent="0.2">
      <c r="A31" s="4">
        <v>43556</v>
      </c>
      <c r="B31" s="5" t="s">
        <v>9</v>
      </c>
      <c r="C31" s="5" t="s">
        <v>87</v>
      </c>
      <c r="D31" s="6" t="s">
        <v>112</v>
      </c>
      <c r="E31" s="5" t="s">
        <v>113</v>
      </c>
      <c r="F31" s="7">
        <v>23000</v>
      </c>
      <c r="G31" s="5" t="s">
        <v>106</v>
      </c>
      <c r="H31" s="6" t="s">
        <v>107</v>
      </c>
      <c r="I31" s="8">
        <v>43776</v>
      </c>
    </row>
    <row r="32" spans="1:9" ht="24" x14ac:dyDescent="0.2">
      <c r="A32" s="4">
        <v>43556</v>
      </c>
      <c r="B32" s="5" t="s">
        <v>9</v>
      </c>
      <c r="C32" s="5" t="s">
        <v>87</v>
      </c>
      <c r="D32" s="6" t="s">
        <v>114</v>
      </c>
      <c r="E32" s="5" t="s">
        <v>115</v>
      </c>
      <c r="F32" s="7">
        <v>27500</v>
      </c>
      <c r="G32" s="5" t="s">
        <v>94</v>
      </c>
      <c r="H32" s="6" t="s">
        <v>95</v>
      </c>
      <c r="I32" s="8">
        <v>43790</v>
      </c>
    </row>
    <row r="33" spans="1:9" ht="24" x14ac:dyDescent="0.2">
      <c r="A33" s="4">
        <v>43556</v>
      </c>
      <c r="B33" s="5" t="s">
        <v>9</v>
      </c>
      <c r="C33" s="5" t="s">
        <v>87</v>
      </c>
      <c r="D33" s="6" t="s">
        <v>116</v>
      </c>
      <c r="E33" s="5" t="s">
        <v>117</v>
      </c>
      <c r="F33" s="7">
        <v>34826</v>
      </c>
      <c r="G33" s="5" t="s">
        <v>118</v>
      </c>
      <c r="H33" s="6" t="s">
        <v>119</v>
      </c>
      <c r="I33" s="8">
        <v>43797</v>
      </c>
    </row>
    <row r="34" spans="1:9" ht="24" x14ac:dyDescent="0.2">
      <c r="A34" s="4">
        <v>43556</v>
      </c>
      <c r="B34" s="5" t="s">
        <v>9</v>
      </c>
      <c r="C34" s="5" t="s">
        <v>87</v>
      </c>
      <c r="D34" s="6" t="s">
        <v>120</v>
      </c>
      <c r="E34" s="5" t="s">
        <v>121</v>
      </c>
      <c r="F34" s="7">
        <v>52000</v>
      </c>
      <c r="G34" s="5" t="s">
        <v>122</v>
      </c>
      <c r="H34" s="6" t="s">
        <v>123</v>
      </c>
      <c r="I34" s="8">
        <v>43803</v>
      </c>
    </row>
    <row r="35" spans="1:9" ht="24" x14ac:dyDescent="0.2">
      <c r="A35" s="4">
        <v>43556</v>
      </c>
      <c r="B35" s="5" t="s">
        <v>9</v>
      </c>
      <c r="C35" s="5" t="s">
        <v>87</v>
      </c>
      <c r="D35" s="6" t="s">
        <v>124</v>
      </c>
      <c r="E35" s="5" t="s">
        <v>125</v>
      </c>
      <c r="F35" s="7">
        <v>1606</v>
      </c>
      <c r="G35" s="5" t="s">
        <v>126</v>
      </c>
      <c r="H35" s="6" t="s">
        <v>127</v>
      </c>
      <c r="I35" s="8">
        <v>43803</v>
      </c>
    </row>
    <row r="36" spans="1:9" ht="24" x14ac:dyDescent="0.2">
      <c r="A36" s="4">
        <v>43556</v>
      </c>
      <c r="B36" s="5" t="s">
        <v>9</v>
      </c>
      <c r="C36" s="5" t="s">
        <v>87</v>
      </c>
      <c r="D36" s="6" t="s">
        <v>128</v>
      </c>
      <c r="E36" s="5" t="s">
        <v>129</v>
      </c>
      <c r="F36" s="7">
        <v>122452</v>
      </c>
      <c r="G36" s="5" t="s">
        <v>118</v>
      </c>
      <c r="H36" s="6" t="s">
        <v>119</v>
      </c>
      <c r="I36" s="8">
        <v>43810</v>
      </c>
    </row>
    <row r="37" spans="1:9" ht="36" x14ac:dyDescent="0.2">
      <c r="A37" s="4">
        <v>43556</v>
      </c>
      <c r="B37" s="5" t="s">
        <v>9</v>
      </c>
      <c r="C37" s="5" t="s">
        <v>130</v>
      </c>
      <c r="D37" s="6" t="s">
        <v>131</v>
      </c>
      <c r="E37" s="5" t="s">
        <v>132</v>
      </c>
      <c r="F37" s="7">
        <v>578050</v>
      </c>
      <c r="G37" s="5" t="s">
        <v>133</v>
      </c>
      <c r="H37" s="6" t="s">
        <v>134</v>
      </c>
      <c r="I37" s="8">
        <v>43762</v>
      </c>
    </row>
    <row r="38" spans="1:9" ht="24" x14ac:dyDescent="0.2">
      <c r="A38" s="4">
        <v>43556</v>
      </c>
      <c r="B38" s="5" t="s">
        <v>9</v>
      </c>
      <c r="C38" s="5" t="s">
        <v>135</v>
      </c>
      <c r="D38" s="6" t="s">
        <v>136</v>
      </c>
      <c r="E38" s="5" t="s">
        <v>137</v>
      </c>
      <c r="F38" s="7">
        <v>2100</v>
      </c>
      <c r="G38" s="5" t="s">
        <v>47</v>
      </c>
      <c r="H38" s="6" t="s">
        <v>48</v>
      </c>
      <c r="I38" s="8">
        <v>43741</v>
      </c>
    </row>
    <row r="39" spans="1:9" ht="24" x14ac:dyDescent="0.2">
      <c r="A39" s="4">
        <v>43556</v>
      </c>
      <c r="B39" s="5" t="s">
        <v>9</v>
      </c>
      <c r="C39" s="5" t="s">
        <v>135</v>
      </c>
      <c r="D39" s="6" t="s">
        <v>138</v>
      </c>
      <c r="E39" s="5" t="s">
        <v>139</v>
      </c>
      <c r="F39" s="7">
        <v>6545</v>
      </c>
      <c r="G39" s="5" t="s">
        <v>140</v>
      </c>
      <c r="H39" s="6" t="s">
        <v>141</v>
      </c>
      <c r="I39" s="8">
        <v>43741</v>
      </c>
    </row>
    <row r="40" spans="1:9" ht="24" x14ac:dyDescent="0.2">
      <c r="A40" s="4">
        <v>43556</v>
      </c>
      <c r="B40" s="5" t="s">
        <v>9</v>
      </c>
      <c r="C40" s="5" t="s">
        <v>135</v>
      </c>
      <c r="D40" s="6" t="s">
        <v>142</v>
      </c>
      <c r="E40" s="5" t="s">
        <v>143</v>
      </c>
      <c r="F40" s="7">
        <v>16830</v>
      </c>
      <c r="G40" s="5" t="s">
        <v>144</v>
      </c>
      <c r="H40" s="6" t="s">
        <v>145</v>
      </c>
      <c r="I40" s="8">
        <v>43741</v>
      </c>
    </row>
    <row r="41" spans="1:9" ht="24" x14ac:dyDescent="0.2">
      <c r="A41" s="4">
        <v>43556</v>
      </c>
      <c r="B41" s="5" t="s">
        <v>9</v>
      </c>
      <c r="C41" s="5" t="s">
        <v>135</v>
      </c>
      <c r="D41" s="6" t="s">
        <v>146</v>
      </c>
      <c r="E41" s="5" t="s">
        <v>147</v>
      </c>
      <c r="F41" s="7">
        <v>48563</v>
      </c>
      <c r="G41" s="5" t="s">
        <v>148</v>
      </c>
      <c r="H41" s="6" t="s">
        <v>149</v>
      </c>
      <c r="I41" s="8">
        <v>43747</v>
      </c>
    </row>
    <row r="42" spans="1:9" ht="24" x14ac:dyDescent="0.2">
      <c r="A42" s="4">
        <v>43556</v>
      </c>
      <c r="B42" s="5" t="s">
        <v>9</v>
      </c>
      <c r="C42" s="5" t="s">
        <v>135</v>
      </c>
      <c r="D42" s="6" t="s">
        <v>150</v>
      </c>
      <c r="E42" s="5" t="s">
        <v>151</v>
      </c>
      <c r="F42" s="7">
        <v>179080</v>
      </c>
      <c r="G42" s="5" t="s">
        <v>152</v>
      </c>
      <c r="H42" s="6" t="s">
        <v>153</v>
      </c>
      <c r="I42" s="8">
        <v>43748</v>
      </c>
    </row>
    <row r="43" spans="1:9" ht="24" x14ac:dyDescent="0.2">
      <c r="A43" s="4">
        <v>43556</v>
      </c>
      <c r="B43" s="5" t="s">
        <v>9</v>
      </c>
      <c r="C43" s="5" t="s">
        <v>135</v>
      </c>
      <c r="D43" s="6" t="s">
        <v>154</v>
      </c>
      <c r="E43" s="5" t="s">
        <v>155</v>
      </c>
      <c r="F43" s="7">
        <v>4800</v>
      </c>
      <c r="G43" s="5" t="s">
        <v>156</v>
      </c>
      <c r="H43" s="6" t="s">
        <v>157</v>
      </c>
      <c r="I43" s="8">
        <v>43748</v>
      </c>
    </row>
    <row r="44" spans="1:9" ht="24" x14ac:dyDescent="0.2">
      <c r="A44" s="4">
        <v>43556</v>
      </c>
      <c r="B44" s="5" t="s">
        <v>9</v>
      </c>
      <c r="C44" s="5" t="s">
        <v>135</v>
      </c>
      <c r="D44" s="6" t="s">
        <v>158</v>
      </c>
      <c r="E44" s="5" t="s">
        <v>159</v>
      </c>
      <c r="F44" s="7">
        <v>6350</v>
      </c>
      <c r="G44" s="5" t="s">
        <v>160</v>
      </c>
      <c r="H44" s="6" t="s">
        <v>161</v>
      </c>
      <c r="I44" s="8">
        <v>43758</v>
      </c>
    </row>
    <row r="45" spans="1:9" ht="24" x14ac:dyDescent="0.2">
      <c r="A45" s="4">
        <v>43556</v>
      </c>
      <c r="B45" s="5" t="s">
        <v>9</v>
      </c>
      <c r="C45" s="5" t="s">
        <v>135</v>
      </c>
      <c r="D45" s="6" t="s">
        <v>162</v>
      </c>
      <c r="E45" s="5" t="s">
        <v>163</v>
      </c>
      <c r="F45" s="7">
        <v>19360</v>
      </c>
      <c r="G45" s="5" t="s">
        <v>164</v>
      </c>
      <c r="H45" s="6" t="s">
        <v>165</v>
      </c>
      <c r="I45" s="8">
        <v>43760</v>
      </c>
    </row>
    <row r="46" spans="1:9" ht="24" x14ac:dyDescent="0.2">
      <c r="A46" s="4">
        <v>43556</v>
      </c>
      <c r="B46" s="5" t="s">
        <v>9</v>
      </c>
      <c r="C46" s="5" t="s">
        <v>135</v>
      </c>
      <c r="D46" s="6" t="s">
        <v>166</v>
      </c>
      <c r="E46" s="5" t="s">
        <v>167</v>
      </c>
      <c r="F46" s="7">
        <v>36080</v>
      </c>
      <c r="G46" s="5" t="s">
        <v>152</v>
      </c>
      <c r="H46" s="6" t="s">
        <v>153</v>
      </c>
      <c r="I46" s="8">
        <v>43760</v>
      </c>
    </row>
    <row r="47" spans="1:9" ht="24" x14ac:dyDescent="0.2">
      <c r="A47" s="4">
        <v>43556</v>
      </c>
      <c r="B47" s="5" t="s">
        <v>9</v>
      </c>
      <c r="C47" s="5" t="s">
        <v>135</v>
      </c>
      <c r="D47" s="6" t="s">
        <v>168</v>
      </c>
      <c r="E47" s="5" t="s">
        <v>169</v>
      </c>
      <c r="F47" s="7">
        <v>110000</v>
      </c>
      <c r="G47" s="5" t="s">
        <v>170</v>
      </c>
      <c r="H47" s="6" t="s">
        <v>171</v>
      </c>
      <c r="I47" s="8">
        <v>43760</v>
      </c>
    </row>
    <row r="48" spans="1:9" ht="24" x14ac:dyDescent="0.2">
      <c r="A48" s="4">
        <v>43556</v>
      </c>
      <c r="B48" s="5" t="s">
        <v>9</v>
      </c>
      <c r="C48" s="5" t="s">
        <v>135</v>
      </c>
      <c r="D48" s="6" t="s">
        <v>172</v>
      </c>
      <c r="E48" s="5" t="s">
        <v>173</v>
      </c>
      <c r="F48" s="7">
        <v>32670</v>
      </c>
      <c r="G48" s="5" t="s">
        <v>85</v>
      </c>
      <c r="H48" s="6" t="s">
        <v>86</v>
      </c>
      <c r="I48" s="8">
        <v>43760</v>
      </c>
    </row>
    <row r="49" spans="1:9" ht="24" x14ac:dyDescent="0.2">
      <c r="A49" s="4">
        <v>43556</v>
      </c>
      <c r="B49" s="5" t="s">
        <v>9</v>
      </c>
      <c r="C49" s="5" t="s">
        <v>135</v>
      </c>
      <c r="D49" s="6" t="s">
        <v>174</v>
      </c>
      <c r="E49" s="5" t="s">
        <v>175</v>
      </c>
      <c r="F49" s="7">
        <v>2750</v>
      </c>
      <c r="G49" s="5" t="s">
        <v>25</v>
      </c>
      <c r="H49" s="6" t="s">
        <v>26</v>
      </c>
      <c r="I49" s="8">
        <v>43760</v>
      </c>
    </row>
    <row r="50" spans="1:9" ht="24" x14ac:dyDescent="0.2">
      <c r="A50" s="4">
        <v>43556</v>
      </c>
      <c r="B50" s="5" t="s">
        <v>9</v>
      </c>
      <c r="C50" s="5" t="s">
        <v>135</v>
      </c>
      <c r="D50" s="6" t="s">
        <v>176</v>
      </c>
      <c r="E50" s="5" t="s">
        <v>177</v>
      </c>
      <c r="F50" s="7">
        <v>1370</v>
      </c>
      <c r="G50" s="5" t="s">
        <v>160</v>
      </c>
      <c r="H50" s="6" t="s">
        <v>161</v>
      </c>
      <c r="I50" s="8">
        <v>43760</v>
      </c>
    </row>
    <row r="51" spans="1:9" ht="24" x14ac:dyDescent="0.2">
      <c r="A51" s="4">
        <v>43556</v>
      </c>
      <c r="B51" s="5" t="s">
        <v>9</v>
      </c>
      <c r="C51" s="5" t="s">
        <v>135</v>
      </c>
      <c r="D51" s="6" t="s">
        <v>178</v>
      </c>
      <c r="E51" s="5" t="s">
        <v>179</v>
      </c>
      <c r="F51" s="7">
        <v>24200</v>
      </c>
      <c r="G51" s="5" t="s">
        <v>140</v>
      </c>
      <c r="H51" s="6" t="s">
        <v>141</v>
      </c>
      <c r="I51" s="8">
        <v>43761</v>
      </c>
    </row>
    <row r="52" spans="1:9" ht="24" x14ac:dyDescent="0.2">
      <c r="A52" s="4">
        <v>43556</v>
      </c>
      <c r="B52" s="5" t="s">
        <v>9</v>
      </c>
      <c r="C52" s="5" t="s">
        <v>135</v>
      </c>
      <c r="D52" s="6" t="s">
        <v>180</v>
      </c>
      <c r="E52" s="5" t="s">
        <v>181</v>
      </c>
      <c r="F52" s="7">
        <v>65120</v>
      </c>
      <c r="G52" s="5" t="s">
        <v>182</v>
      </c>
      <c r="H52" s="6" t="s">
        <v>183</v>
      </c>
      <c r="I52" s="8">
        <v>43763</v>
      </c>
    </row>
    <row r="53" spans="1:9" ht="24" x14ac:dyDescent="0.2">
      <c r="A53" s="4">
        <v>43556</v>
      </c>
      <c r="B53" s="5" t="s">
        <v>9</v>
      </c>
      <c r="C53" s="5" t="s">
        <v>135</v>
      </c>
      <c r="D53" s="6" t="s">
        <v>184</v>
      </c>
      <c r="E53" s="5" t="s">
        <v>185</v>
      </c>
      <c r="F53" s="7">
        <v>21450</v>
      </c>
      <c r="G53" s="5" t="s">
        <v>186</v>
      </c>
      <c r="H53" s="6" t="s">
        <v>187</v>
      </c>
      <c r="I53" s="8">
        <v>43763</v>
      </c>
    </row>
    <row r="54" spans="1:9" ht="24" x14ac:dyDescent="0.2">
      <c r="A54" s="4">
        <v>43556</v>
      </c>
      <c r="B54" s="5" t="s">
        <v>9</v>
      </c>
      <c r="C54" s="5" t="s">
        <v>135</v>
      </c>
      <c r="D54" s="6" t="s">
        <v>188</v>
      </c>
      <c r="E54" s="5" t="s">
        <v>189</v>
      </c>
      <c r="F54" s="7">
        <v>11561</v>
      </c>
      <c r="G54" s="5" t="s">
        <v>106</v>
      </c>
      <c r="H54" s="6" t="s">
        <v>107</v>
      </c>
      <c r="I54" s="8">
        <v>43768</v>
      </c>
    </row>
    <row r="55" spans="1:9" ht="24" x14ac:dyDescent="0.2">
      <c r="A55" s="4">
        <v>43556</v>
      </c>
      <c r="B55" s="5" t="s">
        <v>9</v>
      </c>
      <c r="C55" s="5" t="s">
        <v>135</v>
      </c>
      <c r="D55" s="6" t="s">
        <v>190</v>
      </c>
      <c r="E55" s="5" t="s">
        <v>191</v>
      </c>
      <c r="F55" s="7">
        <v>19800</v>
      </c>
      <c r="G55" s="5" t="s">
        <v>186</v>
      </c>
      <c r="H55" s="6" t="s">
        <v>187</v>
      </c>
      <c r="I55" s="8">
        <v>43768</v>
      </c>
    </row>
    <row r="56" spans="1:9" ht="24" x14ac:dyDescent="0.2">
      <c r="A56" s="4">
        <v>43556</v>
      </c>
      <c r="B56" s="5" t="s">
        <v>9</v>
      </c>
      <c r="C56" s="5" t="s">
        <v>135</v>
      </c>
      <c r="D56" s="6" t="s">
        <v>192</v>
      </c>
      <c r="E56" s="5" t="s">
        <v>193</v>
      </c>
      <c r="F56" s="7">
        <v>43560</v>
      </c>
      <c r="G56" s="5" t="s">
        <v>194</v>
      </c>
      <c r="H56" s="6" t="s">
        <v>103</v>
      </c>
      <c r="I56" s="8">
        <v>43775</v>
      </c>
    </row>
    <row r="57" spans="1:9" ht="24" x14ac:dyDescent="0.2">
      <c r="A57" s="4">
        <v>43556</v>
      </c>
      <c r="B57" s="5" t="s">
        <v>9</v>
      </c>
      <c r="C57" s="5" t="s">
        <v>135</v>
      </c>
      <c r="D57" s="6" t="s">
        <v>195</v>
      </c>
      <c r="E57" s="5" t="s">
        <v>196</v>
      </c>
      <c r="F57" s="7">
        <v>13750</v>
      </c>
      <c r="G57" s="5" t="s">
        <v>25</v>
      </c>
      <c r="H57" s="6" t="s">
        <v>26</v>
      </c>
      <c r="I57" s="8">
        <v>43775</v>
      </c>
    </row>
    <row r="58" spans="1:9" ht="24" x14ac:dyDescent="0.2">
      <c r="A58" s="4">
        <v>43556</v>
      </c>
      <c r="B58" s="5" t="s">
        <v>9</v>
      </c>
      <c r="C58" s="5" t="s">
        <v>135</v>
      </c>
      <c r="D58" s="6" t="s">
        <v>197</v>
      </c>
      <c r="E58" s="5" t="s">
        <v>198</v>
      </c>
      <c r="F58" s="7">
        <v>14300</v>
      </c>
      <c r="G58" s="5" t="s">
        <v>199</v>
      </c>
      <c r="H58" s="6" t="s">
        <v>200</v>
      </c>
      <c r="I58" s="8">
        <v>43775</v>
      </c>
    </row>
    <row r="59" spans="1:9" ht="24" x14ac:dyDescent="0.2">
      <c r="A59" s="4">
        <v>43556</v>
      </c>
      <c r="B59" s="5" t="s">
        <v>9</v>
      </c>
      <c r="C59" s="5" t="s">
        <v>135</v>
      </c>
      <c r="D59" s="6" t="s">
        <v>201</v>
      </c>
      <c r="E59" s="5" t="s">
        <v>202</v>
      </c>
      <c r="F59" s="7">
        <v>36740</v>
      </c>
      <c r="G59" s="5" t="s">
        <v>152</v>
      </c>
      <c r="H59" s="6" t="s">
        <v>153</v>
      </c>
      <c r="I59" s="8">
        <v>43775</v>
      </c>
    </row>
    <row r="60" spans="1:9" ht="24" x14ac:dyDescent="0.2">
      <c r="A60" s="4">
        <v>43556</v>
      </c>
      <c r="B60" s="5" t="s">
        <v>9</v>
      </c>
      <c r="C60" s="5" t="s">
        <v>135</v>
      </c>
      <c r="D60" s="6" t="s">
        <v>203</v>
      </c>
      <c r="E60" s="5" t="s">
        <v>204</v>
      </c>
      <c r="F60" s="7">
        <v>9230</v>
      </c>
      <c r="G60" s="5" t="s">
        <v>205</v>
      </c>
      <c r="H60" s="6" t="s">
        <v>206</v>
      </c>
      <c r="I60" s="8">
        <v>43777</v>
      </c>
    </row>
    <row r="61" spans="1:9" ht="24" x14ac:dyDescent="0.2">
      <c r="A61" s="4">
        <v>43556</v>
      </c>
      <c r="B61" s="5" t="s">
        <v>9</v>
      </c>
      <c r="C61" s="5" t="s">
        <v>135</v>
      </c>
      <c r="D61" s="6" t="s">
        <v>207</v>
      </c>
      <c r="E61" s="5" t="s">
        <v>208</v>
      </c>
      <c r="F61" s="7">
        <v>24831</v>
      </c>
      <c r="G61" s="5" t="s">
        <v>209</v>
      </c>
      <c r="H61" s="6" t="s">
        <v>210</v>
      </c>
      <c r="I61" s="8">
        <v>43782</v>
      </c>
    </row>
    <row r="62" spans="1:9" ht="24" x14ac:dyDescent="0.2">
      <c r="A62" s="4">
        <v>43556</v>
      </c>
      <c r="B62" s="5" t="s">
        <v>9</v>
      </c>
      <c r="C62" s="5" t="s">
        <v>135</v>
      </c>
      <c r="D62" s="6" t="s">
        <v>211</v>
      </c>
      <c r="E62" s="5" t="s">
        <v>212</v>
      </c>
      <c r="F62" s="7">
        <v>58300</v>
      </c>
      <c r="G62" s="5" t="s">
        <v>213</v>
      </c>
      <c r="H62" s="6" t="s">
        <v>214</v>
      </c>
      <c r="I62" s="8">
        <v>43790</v>
      </c>
    </row>
    <row r="63" spans="1:9" ht="24" x14ac:dyDescent="0.2">
      <c r="A63" s="4">
        <v>43556</v>
      </c>
      <c r="B63" s="5" t="s">
        <v>9</v>
      </c>
      <c r="C63" s="5" t="s">
        <v>135</v>
      </c>
      <c r="D63" s="6" t="s">
        <v>215</v>
      </c>
      <c r="E63" s="5" t="s">
        <v>216</v>
      </c>
      <c r="F63" s="7">
        <v>29854</v>
      </c>
      <c r="G63" s="5" t="s">
        <v>144</v>
      </c>
      <c r="H63" s="6" t="s">
        <v>145</v>
      </c>
      <c r="I63" s="8">
        <v>43796</v>
      </c>
    </row>
    <row r="64" spans="1:9" ht="24" x14ac:dyDescent="0.2">
      <c r="A64" s="4">
        <v>43556</v>
      </c>
      <c r="B64" s="5" t="s">
        <v>9</v>
      </c>
      <c r="C64" s="5" t="s">
        <v>135</v>
      </c>
      <c r="D64" s="6" t="s">
        <v>217</v>
      </c>
      <c r="E64" s="5" t="s">
        <v>218</v>
      </c>
      <c r="F64" s="7">
        <v>6985</v>
      </c>
      <c r="G64" s="5" t="s">
        <v>106</v>
      </c>
      <c r="H64" s="6" t="s">
        <v>107</v>
      </c>
      <c r="I64" s="8">
        <v>43796</v>
      </c>
    </row>
    <row r="65" spans="1:9" ht="24" x14ac:dyDescent="0.2">
      <c r="A65" s="4">
        <v>43556</v>
      </c>
      <c r="B65" s="5" t="s">
        <v>9</v>
      </c>
      <c r="C65" s="5" t="s">
        <v>135</v>
      </c>
      <c r="D65" s="6" t="s">
        <v>219</v>
      </c>
      <c r="E65" s="5" t="s">
        <v>220</v>
      </c>
      <c r="F65" s="7">
        <v>26180</v>
      </c>
      <c r="G65" s="5" t="s">
        <v>25</v>
      </c>
      <c r="H65" s="6" t="s">
        <v>26</v>
      </c>
      <c r="I65" s="8">
        <v>43798</v>
      </c>
    </row>
    <row r="66" spans="1:9" ht="24" x14ac:dyDescent="0.2">
      <c r="A66" s="4">
        <v>43556</v>
      </c>
      <c r="B66" s="5" t="s">
        <v>9</v>
      </c>
      <c r="C66" s="5" t="s">
        <v>135</v>
      </c>
      <c r="D66" s="6" t="s">
        <v>221</v>
      </c>
      <c r="E66" s="5" t="s">
        <v>222</v>
      </c>
      <c r="F66" s="7">
        <v>43076</v>
      </c>
      <c r="G66" s="5" t="s">
        <v>223</v>
      </c>
      <c r="H66" s="6" t="s">
        <v>224</v>
      </c>
      <c r="I66" s="8">
        <v>43803</v>
      </c>
    </row>
    <row r="67" spans="1:9" ht="24" x14ac:dyDescent="0.2">
      <c r="A67" s="4">
        <v>43556</v>
      </c>
      <c r="B67" s="5" t="s">
        <v>9</v>
      </c>
      <c r="C67" s="5" t="s">
        <v>135</v>
      </c>
      <c r="D67" s="6" t="s">
        <v>225</v>
      </c>
      <c r="E67" s="5" t="s">
        <v>226</v>
      </c>
      <c r="F67" s="7">
        <v>51855</v>
      </c>
      <c r="G67" s="5" t="s">
        <v>148</v>
      </c>
      <c r="H67" s="6" t="s">
        <v>149</v>
      </c>
      <c r="I67" s="8">
        <v>43803</v>
      </c>
    </row>
    <row r="68" spans="1:9" ht="24" x14ac:dyDescent="0.2">
      <c r="A68" s="4">
        <v>43556</v>
      </c>
      <c r="B68" s="5" t="s">
        <v>9</v>
      </c>
      <c r="C68" s="5" t="s">
        <v>135</v>
      </c>
      <c r="D68" s="6" t="s">
        <v>227</v>
      </c>
      <c r="E68" s="5" t="s">
        <v>228</v>
      </c>
      <c r="F68" s="7">
        <v>51183</v>
      </c>
      <c r="G68" s="5" t="s">
        <v>186</v>
      </c>
      <c r="H68" s="6" t="s">
        <v>187</v>
      </c>
      <c r="I68" s="8">
        <v>43804</v>
      </c>
    </row>
    <row r="69" spans="1:9" ht="24" x14ac:dyDescent="0.2">
      <c r="A69" s="4">
        <v>43556</v>
      </c>
      <c r="B69" s="5" t="s">
        <v>9</v>
      </c>
      <c r="C69" s="5" t="s">
        <v>135</v>
      </c>
      <c r="D69" s="6" t="s">
        <v>229</v>
      </c>
      <c r="E69" s="5" t="s">
        <v>230</v>
      </c>
      <c r="F69" s="7">
        <v>18744</v>
      </c>
      <c r="G69" s="5" t="s">
        <v>25</v>
      </c>
      <c r="H69" s="6" t="s">
        <v>26</v>
      </c>
      <c r="I69" s="8">
        <v>43812</v>
      </c>
    </row>
    <row r="70" spans="1:9" ht="24" x14ac:dyDescent="0.2">
      <c r="A70" s="4">
        <v>43556</v>
      </c>
      <c r="B70" s="5" t="s">
        <v>9</v>
      </c>
      <c r="C70" s="5" t="s">
        <v>135</v>
      </c>
      <c r="D70" s="6" t="s">
        <v>231</v>
      </c>
      <c r="E70" s="5" t="s">
        <v>232</v>
      </c>
      <c r="F70" s="7">
        <v>19008</v>
      </c>
      <c r="G70" s="5" t="s">
        <v>233</v>
      </c>
      <c r="H70" s="6" t="s">
        <v>61</v>
      </c>
      <c r="I70" s="8">
        <v>43812</v>
      </c>
    </row>
    <row r="71" spans="1:9" ht="24" x14ac:dyDescent="0.2">
      <c r="A71" s="4">
        <v>43556</v>
      </c>
      <c r="B71" s="5" t="s">
        <v>9</v>
      </c>
      <c r="C71" s="5" t="s">
        <v>135</v>
      </c>
      <c r="D71" s="6" t="s">
        <v>234</v>
      </c>
      <c r="E71" s="5" t="s">
        <v>235</v>
      </c>
      <c r="F71" s="7">
        <v>297660</v>
      </c>
      <c r="G71" s="5" t="s">
        <v>236</v>
      </c>
      <c r="H71" s="6" t="s">
        <v>237</v>
      </c>
      <c r="I71" s="8">
        <v>43812</v>
      </c>
    </row>
    <row r="72" spans="1:9" ht="24" x14ac:dyDescent="0.2">
      <c r="A72" s="4">
        <v>43556</v>
      </c>
      <c r="B72" s="5" t="s">
        <v>9</v>
      </c>
      <c r="C72" s="5" t="s">
        <v>135</v>
      </c>
      <c r="D72" s="6" t="s">
        <v>238</v>
      </c>
      <c r="E72" s="5" t="s">
        <v>239</v>
      </c>
      <c r="F72" s="7">
        <v>29000</v>
      </c>
      <c r="G72" s="5" t="s">
        <v>106</v>
      </c>
      <c r="H72" s="6" t="s">
        <v>107</v>
      </c>
      <c r="I72" s="8">
        <v>43816</v>
      </c>
    </row>
    <row r="73" spans="1:9" ht="24" x14ac:dyDescent="0.2">
      <c r="A73" s="4">
        <v>43556</v>
      </c>
      <c r="B73" s="5" t="s">
        <v>9</v>
      </c>
      <c r="C73" s="5" t="s">
        <v>135</v>
      </c>
      <c r="D73" s="6" t="s">
        <v>240</v>
      </c>
      <c r="E73" s="5" t="s">
        <v>241</v>
      </c>
      <c r="F73" s="7">
        <v>50325</v>
      </c>
      <c r="G73" s="5" t="s">
        <v>242</v>
      </c>
      <c r="H73" s="6" t="s">
        <v>243</v>
      </c>
      <c r="I73" s="8">
        <v>43819</v>
      </c>
    </row>
    <row r="74" spans="1:9" ht="24" x14ac:dyDescent="0.2">
      <c r="A74" s="4">
        <v>43556</v>
      </c>
      <c r="B74" s="5" t="s">
        <v>9</v>
      </c>
      <c r="C74" s="5" t="s">
        <v>135</v>
      </c>
      <c r="D74" s="6" t="s">
        <v>244</v>
      </c>
      <c r="E74" s="5" t="s">
        <v>245</v>
      </c>
      <c r="F74" s="7">
        <v>9009</v>
      </c>
      <c r="G74" s="5" t="s">
        <v>209</v>
      </c>
      <c r="H74" s="6" t="s">
        <v>210</v>
      </c>
      <c r="I74" s="8">
        <v>43819</v>
      </c>
    </row>
    <row r="75" spans="1:9" ht="24" x14ac:dyDescent="0.2">
      <c r="A75" s="4">
        <v>43556</v>
      </c>
      <c r="B75" s="5" t="s">
        <v>9</v>
      </c>
      <c r="C75" s="5" t="s">
        <v>135</v>
      </c>
      <c r="D75" s="6" t="s">
        <v>246</v>
      </c>
      <c r="E75" s="5" t="s">
        <v>247</v>
      </c>
      <c r="F75" s="7">
        <v>73194</v>
      </c>
      <c r="G75" s="5" t="s">
        <v>25</v>
      </c>
      <c r="H75" s="6" t="s">
        <v>26</v>
      </c>
      <c r="I75" s="8">
        <v>43819</v>
      </c>
    </row>
    <row r="76" spans="1:9" ht="24" x14ac:dyDescent="0.2">
      <c r="A76" s="4">
        <v>43556</v>
      </c>
      <c r="B76" s="5" t="s">
        <v>9</v>
      </c>
      <c r="C76" s="5" t="s">
        <v>135</v>
      </c>
      <c r="D76" s="6" t="s">
        <v>248</v>
      </c>
      <c r="E76" s="5" t="s">
        <v>249</v>
      </c>
      <c r="F76" s="7">
        <v>12210</v>
      </c>
      <c r="G76" s="5" t="s">
        <v>186</v>
      </c>
      <c r="H76" s="6" t="s">
        <v>187</v>
      </c>
      <c r="I76" s="8">
        <v>43826</v>
      </c>
    </row>
    <row r="77" spans="1:9" ht="24" x14ac:dyDescent="0.2">
      <c r="A77" s="4">
        <v>43556</v>
      </c>
      <c r="B77" s="5" t="s">
        <v>9</v>
      </c>
      <c r="C77" s="5" t="s">
        <v>135</v>
      </c>
      <c r="D77" s="6" t="s">
        <v>250</v>
      </c>
      <c r="E77" s="5" t="s">
        <v>251</v>
      </c>
      <c r="F77" s="7">
        <v>21057</v>
      </c>
      <c r="G77" s="5" t="s">
        <v>252</v>
      </c>
      <c r="H77" s="6" t="s">
        <v>35</v>
      </c>
      <c r="I77" s="8">
        <v>43826</v>
      </c>
    </row>
    <row r="78" spans="1:9" ht="24" x14ac:dyDescent="0.2">
      <c r="A78" s="4">
        <v>43556</v>
      </c>
      <c r="B78" s="5" t="s">
        <v>9</v>
      </c>
      <c r="C78" s="5" t="s">
        <v>253</v>
      </c>
      <c r="D78" s="6" t="s">
        <v>254</v>
      </c>
      <c r="E78" s="5" t="s">
        <v>255</v>
      </c>
      <c r="F78" s="7">
        <v>33990</v>
      </c>
      <c r="G78" s="5" t="s">
        <v>213</v>
      </c>
      <c r="H78" s="6" t="s">
        <v>214</v>
      </c>
      <c r="I78" s="8">
        <v>43739</v>
      </c>
    </row>
    <row r="79" spans="1:9" ht="24" x14ac:dyDescent="0.2">
      <c r="A79" s="4">
        <v>43556</v>
      </c>
      <c r="B79" s="5" t="s">
        <v>9</v>
      </c>
      <c r="C79" s="5" t="s">
        <v>253</v>
      </c>
      <c r="D79" s="6" t="s">
        <v>256</v>
      </c>
      <c r="E79" s="5" t="s">
        <v>257</v>
      </c>
      <c r="F79" s="7">
        <v>23235</v>
      </c>
      <c r="G79" s="5" t="s">
        <v>258</v>
      </c>
      <c r="H79" s="6" t="s">
        <v>259</v>
      </c>
      <c r="I79" s="8">
        <v>43768</v>
      </c>
    </row>
    <row r="80" spans="1:9" ht="24" x14ac:dyDescent="0.2">
      <c r="A80" s="4">
        <v>43556</v>
      </c>
      <c r="B80" s="5" t="s">
        <v>9</v>
      </c>
      <c r="C80" s="5" t="s">
        <v>253</v>
      </c>
      <c r="D80" s="6" t="s">
        <v>260</v>
      </c>
      <c r="E80" s="5" t="s">
        <v>261</v>
      </c>
      <c r="F80" s="7">
        <v>5280</v>
      </c>
      <c r="G80" s="5" t="s">
        <v>106</v>
      </c>
      <c r="H80" s="6" t="s">
        <v>107</v>
      </c>
      <c r="I80" s="8">
        <v>43790</v>
      </c>
    </row>
    <row r="81" spans="1:9" ht="24" x14ac:dyDescent="0.2">
      <c r="A81" s="4">
        <v>43556</v>
      </c>
      <c r="B81" s="5" t="s">
        <v>9</v>
      </c>
      <c r="C81" s="5" t="s">
        <v>253</v>
      </c>
      <c r="D81" s="6" t="s">
        <v>262</v>
      </c>
      <c r="E81" s="5" t="s">
        <v>84</v>
      </c>
      <c r="F81" s="7">
        <v>37620</v>
      </c>
      <c r="G81" s="5" t="s">
        <v>25</v>
      </c>
      <c r="H81" s="6" t="s">
        <v>26</v>
      </c>
      <c r="I81" s="8">
        <v>43811</v>
      </c>
    </row>
    <row r="82" spans="1:9" ht="24" x14ac:dyDescent="0.2">
      <c r="A82" s="4">
        <v>43556</v>
      </c>
      <c r="B82" s="5" t="s">
        <v>9</v>
      </c>
      <c r="C82" s="5" t="s">
        <v>253</v>
      </c>
      <c r="D82" s="6" t="s">
        <v>263</v>
      </c>
      <c r="E82" s="5" t="s">
        <v>264</v>
      </c>
      <c r="F82" s="7">
        <v>1186</v>
      </c>
      <c r="G82" s="5" t="s">
        <v>258</v>
      </c>
      <c r="H82" s="6" t="s">
        <v>259</v>
      </c>
      <c r="I82" s="8">
        <v>43822</v>
      </c>
    </row>
    <row r="83" spans="1:9" ht="24" x14ac:dyDescent="0.2">
      <c r="A83" s="4">
        <v>43556</v>
      </c>
      <c r="B83" s="5" t="s">
        <v>9</v>
      </c>
      <c r="C83" s="5" t="s">
        <v>253</v>
      </c>
      <c r="D83" s="6" t="s">
        <v>265</v>
      </c>
      <c r="E83" s="5" t="s">
        <v>266</v>
      </c>
      <c r="F83" s="7">
        <v>24849</v>
      </c>
      <c r="G83" s="5" t="s">
        <v>213</v>
      </c>
      <c r="H83" s="6" t="s">
        <v>214</v>
      </c>
      <c r="I83" s="8">
        <v>43823</v>
      </c>
    </row>
    <row r="84" spans="1:9" ht="24" x14ac:dyDescent="0.2">
      <c r="A84" s="4">
        <v>43556</v>
      </c>
      <c r="B84" s="5" t="s">
        <v>9</v>
      </c>
      <c r="C84" s="5" t="s">
        <v>267</v>
      </c>
      <c r="D84" s="6" t="s">
        <v>268</v>
      </c>
      <c r="E84" s="5" t="s">
        <v>269</v>
      </c>
      <c r="F84" s="7">
        <v>8855</v>
      </c>
      <c r="G84" s="5" t="s">
        <v>43</v>
      </c>
      <c r="H84" s="6" t="s">
        <v>44</v>
      </c>
      <c r="I84" s="8">
        <v>43741</v>
      </c>
    </row>
    <row r="85" spans="1:9" ht="24" x14ac:dyDescent="0.2">
      <c r="A85" s="4">
        <v>43556</v>
      </c>
      <c r="B85" s="5" t="s">
        <v>9</v>
      </c>
      <c r="C85" s="5" t="s">
        <v>267</v>
      </c>
      <c r="D85" s="6" t="s">
        <v>270</v>
      </c>
      <c r="E85" s="5" t="s">
        <v>271</v>
      </c>
      <c r="F85" s="7">
        <v>2700</v>
      </c>
      <c r="G85" s="5" t="s">
        <v>272</v>
      </c>
      <c r="H85" s="6" t="s">
        <v>273</v>
      </c>
      <c r="I85" s="8">
        <v>43789</v>
      </c>
    </row>
    <row r="86" spans="1:9" ht="24" x14ac:dyDescent="0.2">
      <c r="A86" s="4">
        <v>43556</v>
      </c>
      <c r="B86" s="5" t="s">
        <v>9</v>
      </c>
      <c r="C86" s="5" t="s">
        <v>267</v>
      </c>
      <c r="D86" s="6" t="s">
        <v>274</v>
      </c>
      <c r="E86" s="5" t="s">
        <v>275</v>
      </c>
      <c r="F86" s="7">
        <v>15000</v>
      </c>
      <c r="G86" s="5" t="s">
        <v>25</v>
      </c>
      <c r="H86" s="6" t="s">
        <v>26</v>
      </c>
      <c r="I86" s="8">
        <v>43791</v>
      </c>
    </row>
    <row r="87" spans="1:9" ht="24" x14ac:dyDescent="0.2">
      <c r="A87" s="4">
        <v>43556</v>
      </c>
      <c r="B87" s="5" t="s">
        <v>9</v>
      </c>
      <c r="C87" s="5" t="s">
        <v>267</v>
      </c>
      <c r="D87" s="6" t="s">
        <v>276</v>
      </c>
      <c r="E87" s="5" t="s">
        <v>277</v>
      </c>
      <c r="F87" s="7">
        <v>2288</v>
      </c>
      <c r="G87" s="5" t="s">
        <v>66</v>
      </c>
      <c r="H87" s="6" t="s">
        <v>67</v>
      </c>
      <c r="I87" s="8">
        <v>43791</v>
      </c>
    </row>
    <row r="88" spans="1:9" ht="24" x14ac:dyDescent="0.2">
      <c r="A88" s="4">
        <v>43556</v>
      </c>
      <c r="B88" s="5" t="s">
        <v>9</v>
      </c>
      <c r="C88" s="5" t="s">
        <v>267</v>
      </c>
      <c r="D88" s="6" t="s">
        <v>278</v>
      </c>
      <c r="E88" s="5" t="s">
        <v>279</v>
      </c>
      <c r="F88" s="7">
        <v>11495</v>
      </c>
      <c r="G88" s="5" t="s">
        <v>280</v>
      </c>
      <c r="H88" s="6" t="s">
        <v>39</v>
      </c>
      <c r="I88" s="8">
        <v>43808</v>
      </c>
    </row>
    <row r="89" spans="1:9" ht="24" x14ac:dyDescent="0.2">
      <c r="A89" s="4">
        <v>43556</v>
      </c>
      <c r="B89" s="5" t="s">
        <v>9</v>
      </c>
      <c r="C89" s="5" t="s">
        <v>267</v>
      </c>
      <c r="D89" s="6" t="s">
        <v>281</v>
      </c>
      <c r="E89" s="5" t="s">
        <v>282</v>
      </c>
      <c r="F89" s="7">
        <v>9567</v>
      </c>
      <c r="G89" s="5" t="s">
        <v>283</v>
      </c>
      <c r="H89" s="6" t="s">
        <v>35</v>
      </c>
      <c r="I89" s="8">
        <v>43816</v>
      </c>
    </row>
    <row r="90" spans="1:9" ht="24" x14ac:dyDescent="0.2">
      <c r="A90" s="4">
        <v>43556</v>
      </c>
      <c r="B90" s="5" t="s">
        <v>9</v>
      </c>
      <c r="C90" s="5" t="s">
        <v>284</v>
      </c>
      <c r="D90" s="6" t="s">
        <v>285</v>
      </c>
      <c r="E90" s="5" t="s">
        <v>286</v>
      </c>
      <c r="F90" s="7">
        <v>73700</v>
      </c>
      <c r="G90" s="5" t="s">
        <v>102</v>
      </c>
      <c r="H90" s="6" t="s">
        <v>103</v>
      </c>
      <c r="I90" s="8">
        <v>43741</v>
      </c>
    </row>
    <row r="91" spans="1:9" ht="24" x14ac:dyDescent="0.2">
      <c r="A91" s="4">
        <v>43556</v>
      </c>
      <c r="B91" s="5" t="s">
        <v>9</v>
      </c>
      <c r="C91" s="5" t="s">
        <v>284</v>
      </c>
      <c r="D91" s="6" t="s">
        <v>287</v>
      </c>
      <c r="E91" s="5" t="s">
        <v>288</v>
      </c>
      <c r="F91" s="7">
        <v>17710</v>
      </c>
      <c r="G91" s="5" t="s">
        <v>43</v>
      </c>
      <c r="H91" s="6" t="s">
        <v>44</v>
      </c>
      <c r="I91" s="8">
        <v>43741</v>
      </c>
    </row>
    <row r="92" spans="1:9" ht="24" x14ac:dyDescent="0.2">
      <c r="A92" s="4">
        <v>43556</v>
      </c>
      <c r="B92" s="5" t="s">
        <v>9</v>
      </c>
      <c r="C92" s="5" t="s">
        <v>284</v>
      </c>
      <c r="D92" s="6" t="s">
        <v>289</v>
      </c>
      <c r="E92" s="5" t="s">
        <v>290</v>
      </c>
      <c r="F92" s="7">
        <v>52250</v>
      </c>
      <c r="G92" s="5" t="s">
        <v>25</v>
      </c>
      <c r="H92" s="6" t="s">
        <v>26</v>
      </c>
      <c r="I92" s="8">
        <v>43748</v>
      </c>
    </row>
    <row r="93" spans="1:9" ht="24" x14ac:dyDescent="0.2">
      <c r="A93" s="4">
        <v>43556</v>
      </c>
      <c r="B93" s="5" t="s">
        <v>9</v>
      </c>
      <c r="C93" s="5" t="s">
        <v>284</v>
      </c>
      <c r="D93" s="6" t="s">
        <v>291</v>
      </c>
      <c r="E93" s="5" t="s">
        <v>292</v>
      </c>
      <c r="F93" s="7">
        <v>3300</v>
      </c>
      <c r="G93" s="5" t="s">
        <v>293</v>
      </c>
      <c r="H93" s="6" t="s">
        <v>294</v>
      </c>
      <c r="I93" s="8">
        <v>43755</v>
      </c>
    </row>
    <row r="94" spans="1:9" ht="24" x14ac:dyDescent="0.2">
      <c r="A94" s="4">
        <v>43556</v>
      </c>
      <c r="B94" s="5" t="s">
        <v>9</v>
      </c>
      <c r="C94" s="5" t="s">
        <v>284</v>
      </c>
      <c r="D94" s="6" t="s">
        <v>295</v>
      </c>
      <c r="E94" s="5" t="s">
        <v>296</v>
      </c>
      <c r="F94" s="7">
        <v>29160</v>
      </c>
      <c r="G94" s="5" t="s">
        <v>297</v>
      </c>
      <c r="H94" s="6" t="s">
        <v>298</v>
      </c>
      <c r="I94" s="8">
        <v>43776</v>
      </c>
    </row>
    <row r="95" spans="1:9" ht="24" x14ac:dyDescent="0.2">
      <c r="A95" s="4">
        <v>43556</v>
      </c>
      <c r="B95" s="5" t="s">
        <v>9</v>
      </c>
      <c r="C95" s="5" t="s">
        <v>284</v>
      </c>
      <c r="D95" s="6" t="s">
        <v>299</v>
      </c>
      <c r="E95" s="5" t="s">
        <v>300</v>
      </c>
      <c r="F95" s="7">
        <v>8814</v>
      </c>
      <c r="G95" s="5" t="s">
        <v>301</v>
      </c>
      <c r="H95" s="6" t="s">
        <v>302</v>
      </c>
      <c r="I95" s="8">
        <v>43783</v>
      </c>
    </row>
    <row r="96" spans="1:9" ht="24" x14ac:dyDescent="0.2">
      <c r="A96" s="4">
        <v>43556</v>
      </c>
      <c r="B96" s="5" t="s">
        <v>9</v>
      </c>
      <c r="C96" s="5" t="s">
        <v>303</v>
      </c>
      <c r="D96" s="6" t="s">
        <v>304</v>
      </c>
      <c r="E96" s="5" t="s">
        <v>305</v>
      </c>
      <c r="F96" s="7">
        <v>3641</v>
      </c>
      <c r="G96" s="5" t="s">
        <v>306</v>
      </c>
      <c r="H96" s="6" t="s">
        <v>307</v>
      </c>
      <c r="I96" s="8">
        <v>43741</v>
      </c>
    </row>
    <row r="97" spans="1:9" ht="24" x14ac:dyDescent="0.2">
      <c r="A97" s="4">
        <v>43556</v>
      </c>
      <c r="B97" s="5" t="s">
        <v>9</v>
      </c>
      <c r="C97" s="5" t="s">
        <v>303</v>
      </c>
      <c r="D97" s="6" t="s">
        <v>308</v>
      </c>
      <c r="E97" s="5" t="s">
        <v>309</v>
      </c>
      <c r="F97" s="7">
        <v>36037</v>
      </c>
      <c r="G97" s="5" t="s">
        <v>310</v>
      </c>
      <c r="H97" s="6" t="s">
        <v>311</v>
      </c>
      <c r="I97" s="8">
        <v>43741</v>
      </c>
    </row>
    <row r="98" spans="1:9" ht="24" x14ac:dyDescent="0.2">
      <c r="A98" s="4">
        <v>43556</v>
      </c>
      <c r="B98" s="5" t="s">
        <v>9</v>
      </c>
      <c r="C98" s="5" t="s">
        <v>303</v>
      </c>
      <c r="D98" s="6" t="s">
        <v>312</v>
      </c>
      <c r="E98" s="5" t="s">
        <v>313</v>
      </c>
      <c r="F98" s="7">
        <v>15400</v>
      </c>
      <c r="G98" s="5" t="s">
        <v>314</v>
      </c>
      <c r="H98" s="6" t="s">
        <v>315</v>
      </c>
      <c r="I98" s="8">
        <v>43741</v>
      </c>
    </row>
    <row r="99" spans="1:9" ht="24" x14ac:dyDescent="0.2">
      <c r="A99" s="4">
        <v>43556</v>
      </c>
      <c r="B99" s="5" t="s">
        <v>9</v>
      </c>
      <c r="C99" s="5" t="s">
        <v>303</v>
      </c>
      <c r="D99" s="6" t="s">
        <v>316</v>
      </c>
      <c r="E99" s="5" t="s">
        <v>317</v>
      </c>
      <c r="F99" s="7">
        <v>26092</v>
      </c>
      <c r="G99" s="5" t="s">
        <v>306</v>
      </c>
      <c r="H99" s="6" t="s">
        <v>307</v>
      </c>
      <c r="I99" s="8">
        <v>43748</v>
      </c>
    </row>
    <row r="100" spans="1:9" ht="24" x14ac:dyDescent="0.2">
      <c r="A100" s="4">
        <v>43556</v>
      </c>
      <c r="B100" s="5" t="s">
        <v>9</v>
      </c>
      <c r="C100" s="5" t="s">
        <v>303</v>
      </c>
      <c r="D100" s="6" t="s">
        <v>318</v>
      </c>
      <c r="E100" s="5" t="s">
        <v>319</v>
      </c>
      <c r="F100" s="7">
        <v>44000</v>
      </c>
      <c r="G100" s="5" t="s">
        <v>320</v>
      </c>
      <c r="H100" s="6" t="s">
        <v>35</v>
      </c>
      <c r="I100" s="8">
        <v>43748</v>
      </c>
    </row>
    <row r="101" spans="1:9" ht="24" x14ac:dyDescent="0.2">
      <c r="A101" s="4">
        <v>43556</v>
      </c>
      <c r="B101" s="5" t="s">
        <v>9</v>
      </c>
      <c r="C101" s="5" t="s">
        <v>303</v>
      </c>
      <c r="D101" s="6" t="s">
        <v>321</v>
      </c>
      <c r="E101" s="5" t="s">
        <v>322</v>
      </c>
      <c r="F101" s="7">
        <v>20630</v>
      </c>
      <c r="G101" s="5" t="s">
        <v>323</v>
      </c>
      <c r="H101" s="6" t="s">
        <v>324</v>
      </c>
      <c r="I101" s="8">
        <v>43748</v>
      </c>
    </row>
    <row r="102" spans="1:9" ht="24" x14ac:dyDescent="0.2">
      <c r="A102" s="4">
        <v>43556</v>
      </c>
      <c r="B102" s="5" t="s">
        <v>9</v>
      </c>
      <c r="C102" s="5" t="s">
        <v>303</v>
      </c>
      <c r="D102" s="6" t="s">
        <v>325</v>
      </c>
      <c r="E102" s="5" t="s">
        <v>305</v>
      </c>
      <c r="F102" s="7">
        <v>2244</v>
      </c>
      <c r="G102" s="5" t="s">
        <v>306</v>
      </c>
      <c r="H102" s="6" t="s">
        <v>307</v>
      </c>
      <c r="I102" s="8">
        <v>43748</v>
      </c>
    </row>
    <row r="103" spans="1:9" ht="24" x14ac:dyDescent="0.2">
      <c r="A103" s="4">
        <v>43556</v>
      </c>
      <c r="B103" s="5" t="s">
        <v>9</v>
      </c>
      <c r="C103" s="5" t="s">
        <v>303</v>
      </c>
      <c r="D103" s="6" t="s">
        <v>326</v>
      </c>
      <c r="E103" s="5" t="s">
        <v>327</v>
      </c>
      <c r="F103" s="7">
        <v>45320</v>
      </c>
      <c r="G103" s="5" t="s">
        <v>310</v>
      </c>
      <c r="H103" s="6" t="s">
        <v>311</v>
      </c>
      <c r="I103" s="8">
        <v>43748</v>
      </c>
    </row>
    <row r="104" spans="1:9" ht="24" x14ac:dyDescent="0.2">
      <c r="A104" s="4">
        <v>43556</v>
      </c>
      <c r="B104" s="5" t="s">
        <v>9</v>
      </c>
      <c r="C104" s="5" t="s">
        <v>303</v>
      </c>
      <c r="D104" s="6" t="s">
        <v>328</v>
      </c>
      <c r="E104" s="5" t="s">
        <v>329</v>
      </c>
      <c r="F104" s="7">
        <v>29150</v>
      </c>
      <c r="G104" s="5" t="s">
        <v>330</v>
      </c>
      <c r="H104" s="6" t="s">
        <v>35</v>
      </c>
      <c r="I104" s="8">
        <v>43761</v>
      </c>
    </row>
    <row r="105" spans="1:9" ht="24" x14ac:dyDescent="0.2">
      <c r="A105" s="4">
        <v>43556</v>
      </c>
      <c r="B105" s="5" t="s">
        <v>9</v>
      </c>
      <c r="C105" s="5" t="s">
        <v>303</v>
      </c>
      <c r="D105" s="6" t="s">
        <v>331</v>
      </c>
      <c r="E105" s="5" t="s">
        <v>332</v>
      </c>
      <c r="F105" s="7">
        <v>45690</v>
      </c>
      <c r="G105" s="5" t="s">
        <v>310</v>
      </c>
      <c r="H105" s="6" t="s">
        <v>311</v>
      </c>
      <c r="I105" s="8">
        <v>43766</v>
      </c>
    </row>
    <row r="106" spans="1:9" ht="24" x14ac:dyDescent="0.2">
      <c r="A106" s="4">
        <v>43556</v>
      </c>
      <c r="B106" s="5" t="s">
        <v>9</v>
      </c>
      <c r="C106" s="5" t="s">
        <v>303</v>
      </c>
      <c r="D106" s="6" t="s">
        <v>333</v>
      </c>
      <c r="E106" s="5" t="s">
        <v>334</v>
      </c>
      <c r="F106" s="7">
        <v>206800</v>
      </c>
      <c r="G106" s="5" t="s">
        <v>314</v>
      </c>
      <c r="H106" s="6" t="s">
        <v>315</v>
      </c>
      <c r="I106" s="8">
        <v>43769</v>
      </c>
    </row>
    <row r="107" spans="1:9" ht="24" x14ac:dyDescent="0.2">
      <c r="A107" s="4">
        <v>43556</v>
      </c>
      <c r="B107" s="5" t="s">
        <v>9</v>
      </c>
      <c r="C107" s="5" t="s">
        <v>303</v>
      </c>
      <c r="D107" s="6" t="s">
        <v>335</v>
      </c>
      <c r="E107" s="5" t="s">
        <v>336</v>
      </c>
      <c r="F107" s="7">
        <v>42240</v>
      </c>
      <c r="G107" s="5" t="s">
        <v>337</v>
      </c>
      <c r="H107" s="6" t="s">
        <v>338</v>
      </c>
      <c r="I107" s="8">
        <v>43769</v>
      </c>
    </row>
    <row r="108" spans="1:9" ht="24" x14ac:dyDescent="0.2">
      <c r="A108" s="4">
        <v>43556</v>
      </c>
      <c r="B108" s="5" t="s">
        <v>9</v>
      </c>
      <c r="C108" s="5" t="s">
        <v>303</v>
      </c>
      <c r="D108" s="6" t="s">
        <v>339</v>
      </c>
      <c r="E108" s="5" t="s">
        <v>340</v>
      </c>
      <c r="F108" s="7">
        <v>2068</v>
      </c>
      <c r="G108" s="5" t="s">
        <v>306</v>
      </c>
      <c r="H108" s="6" t="s">
        <v>307</v>
      </c>
      <c r="I108" s="8">
        <v>43770</v>
      </c>
    </row>
    <row r="109" spans="1:9" ht="24" x14ac:dyDescent="0.2">
      <c r="A109" s="4">
        <v>43556</v>
      </c>
      <c r="B109" s="5" t="s">
        <v>9</v>
      </c>
      <c r="C109" s="5" t="s">
        <v>303</v>
      </c>
      <c r="D109" s="6" t="s">
        <v>341</v>
      </c>
      <c r="E109" s="5" t="s">
        <v>342</v>
      </c>
      <c r="F109" s="7">
        <v>23760</v>
      </c>
      <c r="G109" s="5" t="s">
        <v>343</v>
      </c>
      <c r="H109" s="6" t="s">
        <v>344</v>
      </c>
      <c r="I109" s="8">
        <v>43776</v>
      </c>
    </row>
    <row r="110" spans="1:9" ht="24" x14ac:dyDescent="0.2">
      <c r="A110" s="4">
        <v>43556</v>
      </c>
      <c r="B110" s="5" t="s">
        <v>9</v>
      </c>
      <c r="C110" s="5" t="s">
        <v>303</v>
      </c>
      <c r="D110" s="6" t="s">
        <v>345</v>
      </c>
      <c r="E110" s="5" t="s">
        <v>346</v>
      </c>
      <c r="F110" s="7">
        <v>49500</v>
      </c>
      <c r="G110" s="5" t="s">
        <v>337</v>
      </c>
      <c r="H110" s="6" t="s">
        <v>338</v>
      </c>
      <c r="I110" s="8">
        <v>43781</v>
      </c>
    </row>
    <row r="111" spans="1:9" ht="24" x14ac:dyDescent="0.2">
      <c r="A111" s="4">
        <v>43556</v>
      </c>
      <c r="B111" s="5" t="s">
        <v>9</v>
      </c>
      <c r="C111" s="5" t="s">
        <v>303</v>
      </c>
      <c r="D111" s="6" t="s">
        <v>347</v>
      </c>
      <c r="E111" s="5" t="s">
        <v>348</v>
      </c>
      <c r="F111" s="7">
        <v>101315</v>
      </c>
      <c r="G111" s="5" t="s">
        <v>349</v>
      </c>
      <c r="H111" s="6" t="s">
        <v>35</v>
      </c>
      <c r="I111" s="8">
        <v>43788</v>
      </c>
    </row>
    <row r="112" spans="1:9" ht="24" x14ac:dyDescent="0.2">
      <c r="A112" s="4">
        <v>43556</v>
      </c>
      <c r="B112" s="5" t="s">
        <v>9</v>
      </c>
      <c r="C112" s="5" t="s">
        <v>303</v>
      </c>
      <c r="D112" s="6" t="s">
        <v>350</v>
      </c>
      <c r="E112" s="5" t="s">
        <v>351</v>
      </c>
      <c r="F112" s="7">
        <v>164560</v>
      </c>
      <c r="G112" s="5" t="s">
        <v>310</v>
      </c>
      <c r="H112" s="6" t="s">
        <v>311</v>
      </c>
      <c r="I112" s="8">
        <v>43788</v>
      </c>
    </row>
    <row r="113" spans="1:9" ht="24" x14ac:dyDescent="0.2">
      <c r="A113" s="4">
        <v>43556</v>
      </c>
      <c r="B113" s="5" t="s">
        <v>9</v>
      </c>
      <c r="C113" s="5" t="s">
        <v>303</v>
      </c>
      <c r="D113" s="6" t="s">
        <v>352</v>
      </c>
      <c r="E113" s="5" t="s">
        <v>353</v>
      </c>
      <c r="F113" s="7">
        <v>15070</v>
      </c>
      <c r="G113" s="5" t="s">
        <v>354</v>
      </c>
      <c r="H113" s="6" t="s">
        <v>355</v>
      </c>
      <c r="I113" s="8">
        <v>43789</v>
      </c>
    </row>
    <row r="114" spans="1:9" ht="24" x14ac:dyDescent="0.2">
      <c r="A114" s="4">
        <v>43556</v>
      </c>
      <c r="B114" s="5" t="s">
        <v>9</v>
      </c>
      <c r="C114" s="5" t="s">
        <v>303</v>
      </c>
      <c r="D114" s="6" t="s">
        <v>356</v>
      </c>
      <c r="E114" s="5" t="s">
        <v>357</v>
      </c>
      <c r="F114" s="7">
        <v>19793</v>
      </c>
      <c r="G114" s="5" t="s">
        <v>310</v>
      </c>
      <c r="H114" s="6" t="s">
        <v>311</v>
      </c>
      <c r="I114" s="8">
        <v>43791</v>
      </c>
    </row>
    <row r="115" spans="1:9" ht="24" x14ac:dyDescent="0.2">
      <c r="A115" s="4">
        <v>43556</v>
      </c>
      <c r="B115" s="5" t="s">
        <v>9</v>
      </c>
      <c r="C115" s="5" t="s">
        <v>303</v>
      </c>
      <c r="D115" s="6" t="s">
        <v>358</v>
      </c>
      <c r="E115" s="5" t="s">
        <v>359</v>
      </c>
      <c r="F115" s="7">
        <v>44000</v>
      </c>
      <c r="G115" s="5" t="s">
        <v>360</v>
      </c>
      <c r="H115" s="6" t="s">
        <v>361</v>
      </c>
      <c r="I115" s="8">
        <v>43791</v>
      </c>
    </row>
    <row r="116" spans="1:9" ht="24" x14ac:dyDescent="0.2">
      <c r="A116" s="4">
        <v>43556</v>
      </c>
      <c r="B116" s="5" t="s">
        <v>9</v>
      </c>
      <c r="C116" s="5" t="s">
        <v>303</v>
      </c>
      <c r="D116" s="6" t="s">
        <v>362</v>
      </c>
      <c r="E116" s="5" t="s">
        <v>363</v>
      </c>
      <c r="F116" s="7">
        <v>7370</v>
      </c>
      <c r="G116" s="5" t="s">
        <v>314</v>
      </c>
      <c r="H116" s="6" t="s">
        <v>315</v>
      </c>
      <c r="I116" s="8">
        <v>43794</v>
      </c>
    </row>
    <row r="117" spans="1:9" ht="24" x14ac:dyDescent="0.2">
      <c r="A117" s="4">
        <v>43556</v>
      </c>
      <c r="B117" s="5" t="s">
        <v>9</v>
      </c>
      <c r="C117" s="5" t="s">
        <v>303</v>
      </c>
      <c r="D117" s="6" t="s">
        <v>364</v>
      </c>
      <c r="E117" s="5" t="s">
        <v>365</v>
      </c>
      <c r="F117" s="7">
        <v>47520</v>
      </c>
      <c r="G117" s="5" t="s">
        <v>102</v>
      </c>
      <c r="H117" s="6" t="s">
        <v>103</v>
      </c>
      <c r="I117" s="8">
        <v>43795</v>
      </c>
    </row>
    <row r="118" spans="1:9" ht="24" x14ac:dyDescent="0.2">
      <c r="A118" s="4">
        <v>43556</v>
      </c>
      <c r="B118" s="5" t="s">
        <v>9</v>
      </c>
      <c r="C118" s="5" t="s">
        <v>303</v>
      </c>
      <c r="D118" s="6" t="s">
        <v>366</v>
      </c>
      <c r="E118" s="5" t="s">
        <v>367</v>
      </c>
      <c r="F118" s="7">
        <v>44000</v>
      </c>
      <c r="G118" s="5" t="s">
        <v>320</v>
      </c>
      <c r="H118" s="6" t="s">
        <v>35</v>
      </c>
      <c r="I118" s="8">
        <v>43795</v>
      </c>
    </row>
    <row r="119" spans="1:9" ht="24" x14ac:dyDescent="0.2">
      <c r="A119" s="4">
        <v>43556</v>
      </c>
      <c r="B119" s="5" t="s">
        <v>9</v>
      </c>
      <c r="C119" s="5" t="s">
        <v>303</v>
      </c>
      <c r="D119" s="6" t="s">
        <v>368</v>
      </c>
      <c r="E119" s="5" t="s">
        <v>369</v>
      </c>
      <c r="F119" s="7">
        <v>15840</v>
      </c>
      <c r="G119" s="5" t="s">
        <v>343</v>
      </c>
      <c r="H119" s="6" t="s">
        <v>344</v>
      </c>
      <c r="I119" s="8">
        <v>43802</v>
      </c>
    </row>
    <row r="120" spans="1:9" ht="24" x14ac:dyDescent="0.2">
      <c r="A120" s="4">
        <v>43556</v>
      </c>
      <c r="B120" s="5" t="s">
        <v>9</v>
      </c>
      <c r="C120" s="5" t="s">
        <v>303</v>
      </c>
      <c r="D120" s="6" t="s">
        <v>370</v>
      </c>
      <c r="E120" s="5" t="s">
        <v>371</v>
      </c>
      <c r="F120" s="7">
        <v>35838</v>
      </c>
      <c r="G120" s="5" t="s">
        <v>372</v>
      </c>
      <c r="H120" s="6" t="s">
        <v>373</v>
      </c>
      <c r="I120" s="8">
        <v>43805</v>
      </c>
    </row>
    <row r="121" spans="1:9" ht="24" x14ac:dyDescent="0.2">
      <c r="A121" s="4">
        <v>43556</v>
      </c>
      <c r="B121" s="5" t="s">
        <v>9</v>
      </c>
      <c r="C121" s="5" t="s">
        <v>303</v>
      </c>
      <c r="D121" s="6" t="s">
        <v>374</v>
      </c>
      <c r="E121" s="5" t="s">
        <v>375</v>
      </c>
      <c r="F121" s="7">
        <v>49984</v>
      </c>
      <c r="G121" s="5" t="s">
        <v>376</v>
      </c>
      <c r="H121" s="6" t="s">
        <v>377</v>
      </c>
      <c r="I121" s="8">
        <v>43805</v>
      </c>
    </row>
    <row r="122" spans="1:9" ht="24" x14ac:dyDescent="0.2">
      <c r="A122" s="4">
        <v>43556</v>
      </c>
      <c r="B122" s="5" t="s">
        <v>9</v>
      </c>
      <c r="C122" s="5" t="s">
        <v>303</v>
      </c>
      <c r="D122" s="6" t="s">
        <v>378</v>
      </c>
      <c r="E122" s="5" t="s">
        <v>379</v>
      </c>
      <c r="F122" s="7">
        <v>7800</v>
      </c>
      <c r="G122" s="5" t="s">
        <v>380</v>
      </c>
      <c r="H122" s="6" t="s">
        <v>381</v>
      </c>
      <c r="I122" s="8">
        <v>43805</v>
      </c>
    </row>
    <row r="123" spans="1:9" ht="24" x14ac:dyDescent="0.2">
      <c r="A123" s="4">
        <v>43556</v>
      </c>
      <c r="B123" s="5" t="s">
        <v>9</v>
      </c>
      <c r="C123" s="5" t="s">
        <v>303</v>
      </c>
      <c r="D123" s="6" t="s">
        <v>382</v>
      </c>
      <c r="E123" s="5" t="s">
        <v>383</v>
      </c>
      <c r="F123" s="7">
        <v>49500</v>
      </c>
      <c r="G123" s="5" t="s">
        <v>384</v>
      </c>
      <c r="H123" s="6" t="s">
        <v>385</v>
      </c>
      <c r="I123" s="8">
        <v>43808</v>
      </c>
    </row>
    <row r="124" spans="1:9" ht="24" x14ac:dyDescent="0.2">
      <c r="A124" s="4">
        <v>43556</v>
      </c>
      <c r="B124" s="5" t="s">
        <v>9</v>
      </c>
      <c r="C124" s="5" t="s">
        <v>303</v>
      </c>
      <c r="D124" s="6" t="s">
        <v>386</v>
      </c>
      <c r="E124" s="5" t="s">
        <v>387</v>
      </c>
      <c r="F124" s="7">
        <v>30800</v>
      </c>
      <c r="G124" s="5" t="s">
        <v>388</v>
      </c>
      <c r="H124" s="6" t="s">
        <v>389</v>
      </c>
      <c r="I124" s="8">
        <v>43808</v>
      </c>
    </row>
    <row r="125" spans="1:9" ht="24" x14ac:dyDescent="0.2">
      <c r="A125" s="4">
        <v>43556</v>
      </c>
      <c r="B125" s="5" t="s">
        <v>9</v>
      </c>
      <c r="C125" s="5" t="s">
        <v>303</v>
      </c>
      <c r="D125" s="6" t="s">
        <v>390</v>
      </c>
      <c r="E125" s="5" t="s">
        <v>391</v>
      </c>
      <c r="F125" s="7">
        <v>11880</v>
      </c>
      <c r="G125" s="5" t="s">
        <v>306</v>
      </c>
      <c r="H125" s="6" t="s">
        <v>307</v>
      </c>
      <c r="I125" s="8">
        <v>43811</v>
      </c>
    </row>
    <row r="126" spans="1:9" ht="24" x14ac:dyDescent="0.2">
      <c r="A126" s="4">
        <v>43556</v>
      </c>
      <c r="B126" s="5" t="s">
        <v>9</v>
      </c>
      <c r="C126" s="5" t="s">
        <v>303</v>
      </c>
      <c r="D126" s="6" t="s">
        <v>392</v>
      </c>
      <c r="E126" s="5" t="s">
        <v>393</v>
      </c>
      <c r="F126" s="7">
        <v>99850</v>
      </c>
      <c r="G126" s="5" t="s">
        <v>349</v>
      </c>
      <c r="H126" s="6" t="s">
        <v>35</v>
      </c>
      <c r="I126" s="8">
        <v>43812</v>
      </c>
    </row>
    <row r="127" spans="1:9" ht="24" x14ac:dyDescent="0.2">
      <c r="A127" s="4">
        <v>43556</v>
      </c>
      <c r="B127" s="5" t="s">
        <v>9</v>
      </c>
      <c r="C127" s="5" t="s">
        <v>303</v>
      </c>
      <c r="D127" s="6" t="s">
        <v>394</v>
      </c>
      <c r="E127" s="5" t="s">
        <v>395</v>
      </c>
      <c r="F127" s="7">
        <v>38500</v>
      </c>
      <c r="G127" s="5" t="s">
        <v>323</v>
      </c>
      <c r="H127" s="6" t="s">
        <v>324</v>
      </c>
      <c r="I127" s="8">
        <v>43815</v>
      </c>
    </row>
    <row r="128" spans="1:9" ht="24" x14ac:dyDescent="0.2">
      <c r="A128" s="4">
        <v>43556</v>
      </c>
      <c r="B128" s="5" t="s">
        <v>9</v>
      </c>
      <c r="C128" s="5" t="s">
        <v>396</v>
      </c>
      <c r="D128" s="6" t="s">
        <v>397</v>
      </c>
      <c r="E128" s="5" t="s">
        <v>398</v>
      </c>
      <c r="F128" s="7">
        <v>25444</v>
      </c>
      <c r="G128" s="5" t="s">
        <v>399</v>
      </c>
      <c r="H128" s="6" t="s">
        <v>400</v>
      </c>
      <c r="I128" s="8">
        <v>43741</v>
      </c>
    </row>
    <row r="129" spans="1:9" ht="24" x14ac:dyDescent="0.2">
      <c r="A129" s="4">
        <v>43556</v>
      </c>
      <c r="B129" s="5" t="s">
        <v>9</v>
      </c>
      <c r="C129" s="5" t="s">
        <v>396</v>
      </c>
      <c r="D129" s="6" t="s">
        <v>401</v>
      </c>
      <c r="E129" s="5" t="s">
        <v>402</v>
      </c>
      <c r="F129" s="7">
        <v>49263</v>
      </c>
      <c r="G129" s="5" t="s">
        <v>399</v>
      </c>
      <c r="H129" s="6" t="s">
        <v>400</v>
      </c>
      <c r="I129" s="8">
        <v>43741</v>
      </c>
    </row>
    <row r="130" spans="1:9" ht="24" x14ac:dyDescent="0.2">
      <c r="A130" s="4">
        <v>43556</v>
      </c>
      <c r="B130" s="5" t="s">
        <v>9</v>
      </c>
      <c r="C130" s="5" t="s">
        <v>396</v>
      </c>
      <c r="D130" s="6" t="s">
        <v>403</v>
      </c>
      <c r="E130" s="5" t="s">
        <v>404</v>
      </c>
      <c r="F130" s="7">
        <v>32450</v>
      </c>
      <c r="G130" s="5" t="s">
        <v>405</v>
      </c>
      <c r="H130" s="6" t="s">
        <v>406</v>
      </c>
      <c r="I130" s="8">
        <v>43741</v>
      </c>
    </row>
    <row r="131" spans="1:9" ht="24" x14ac:dyDescent="0.2">
      <c r="A131" s="4">
        <v>43556</v>
      </c>
      <c r="B131" s="5" t="s">
        <v>9</v>
      </c>
      <c r="C131" s="5" t="s">
        <v>396</v>
      </c>
      <c r="D131" s="6" t="s">
        <v>407</v>
      </c>
      <c r="E131" s="5" t="s">
        <v>408</v>
      </c>
      <c r="F131" s="7">
        <v>95810</v>
      </c>
      <c r="G131" s="5" t="s">
        <v>409</v>
      </c>
      <c r="H131" s="6" t="s">
        <v>410</v>
      </c>
      <c r="I131" s="8">
        <v>43741</v>
      </c>
    </row>
    <row r="132" spans="1:9" ht="24" x14ac:dyDescent="0.2">
      <c r="A132" s="4">
        <v>43556</v>
      </c>
      <c r="B132" s="5" t="s">
        <v>9</v>
      </c>
      <c r="C132" s="5" t="s">
        <v>396</v>
      </c>
      <c r="D132" s="6" t="s">
        <v>411</v>
      </c>
      <c r="E132" s="5" t="s">
        <v>412</v>
      </c>
      <c r="F132" s="7">
        <v>40524</v>
      </c>
      <c r="G132" s="5" t="s">
        <v>413</v>
      </c>
      <c r="H132" s="6" t="s">
        <v>414</v>
      </c>
      <c r="I132" s="8">
        <v>43741</v>
      </c>
    </row>
    <row r="133" spans="1:9" ht="24" x14ac:dyDescent="0.2">
      <c r="A133" s="4">
        <v>43556</v>
      </c>
      <c r="B133" s="5" t="s">
        <v>9</v>
      </c>
      <c r="C133" s="5" t="s">
        <v>396</v>
      </c>
      <c r="D133" s="6" t="s">
        <v>415</v>
      </c>
      <c r="E133" s="5" t="s">
        <v>416</v>
      </c>
      <c r="F133" s="7">
        <v>38984</v>
      </c>
      <c r="G133" s="5" t="s">
        <v>399</v>
      </c>
      <c r="H133" s="6" t="s">
        <v>400</v>
      </c>
      <c r="I133" s="8">
        <v>43747</v>
      </c>
    </row>
    <row r="134" spans="1:9" ht="24" x14ac:dyDescent="0.2">
      <c r="A134" s="4">
        <v>43556</v>
      </c>
      <c r="B134" s="5" t="s">
        <v>9</v>
      </c>
      <c r="C134" s="5" t="s">
        <v>396</v>
      </c>
      <c r="D134" s="6" t="s">
        <v>417</v>
      </c>
      <c r="E134" s="5" t="s">
        <v>418</v>
      </c>
      <c r="F134" s="7">
        <v>43335</v>
      </c>
      <c r="G134" s="5" t="s">
        <v>419</v>
      </c>
      <c r="H134" s="6" t="s">
        <v>420</v>
      </c>
      <c r="I134" s="8">
        <v>43749</v>
      </c>
    </row>
    <row r="135" spans="1:9" ht="24" x14ac:dyDescent="0.2">
      <c r="A135" s="4">
        <v>43556</v>
      </c>
      <c r="B135" s="5" t="s">
        <v>9</v>
      </c>
      <c r="C135" s="5" t="s">
        <v>396</v>
      </c>
      <c r="D135" s="6" t="s">
        <v>421</v>
      </c>
      <c r="E135" s="5" t="s">
        <v>422</v>
      </c>
      <c r="F135" s="7">
        <v>30870</v>
      </c>
      <c r="G135" s="5" t="s">
        <v>423</v>
      </c>
      <c r="H135" s="6" t="s">
        <v>424</v>
      </c>
      <c r="I135" s="8">
        <v>43754</v>
      </c>
    </row>
    <row r="136" spans="1:9" ht="24" x14ac:dyDescent="0.2">
      <c r="A136" s="4">
        <v>43556</v>
      </c>
      <c r="B136" s="5" t="s">
        <v>9</v>
      </c>
      <c r="C136" s="5" t="s">
        <v>396</v>
      </c>
      <c r="D136" s="6" t="s">
        <v>425</v>
      </c>
      <c r="E136" s="5" t="s">
        <v>422</v>
      </c>
      <c r="F136" s="7">
        <v>33308</v>
      </c>
      <c r="G136" s="5" t="s">
        <v>426</v>
      </c>
      <c r="H136" s="6" t="s">
        <v>400</v>
      </c>
      <c r="I136" s="8">
        <v>43754</v>
      </c>
    </row>
    <row r="137" spans="1:9" ht="24" x14ac:dyDescent="0.2">
      <c r="A137" s="4">
        <v>43556</v>
      </c>
      <c r="B137" s="5" t="s">
        <v>9</v>
      </c>
      <c r="C137" s="5" t="s">
        <v>396</v>
      </c>
      <c r="D137" s="6" t="s">
        <v>427</v>
      </c>
      <c r="E137" s="5" t="s">
        <v>428</v>
      </c>
      <c r="F137" s="7">
        <v>3410</v>
      </c>
      <c r="G137" s="5" t="s">
        <v>429</v>
      </c>
      <c r="H137" s="6" t="s">
        <v>430</v>
      </c>
      <c r="I137" s="8">
        <v>43755</v>
      </c>
    </row>
    <row r="138" spans="1:9" ht="24" x14ac:dyDescent="0.2">
      <c r="A138" s="4">
        <v>43556</v>
      </c>
      <c r="B138" s="5" t="s">
        <v>9</v>
      </c>
      <c r="C138" s="5" t="s">
        <v>396</v>
      </c>
      <c r="D138" s="6" t="s">
        <v>431</v>
      </c>
      <c r="E138" s="5" t="s">
        <v>432</v>
      </c>
      <c r="F138" s="7">
        <v>19760</v>
      </c>
      <c r="G138" s="5" t="s">
        <v>426</v>
      </c>
      <c r="H138" s="6" t="s">
        <v>400</v>
      </c>
      <c r="I138" s="8">
        <v>43762</v>
      </c>
    </row>
    <row r="139" spans="1:9" ht="24" x14ac:dyDescent="0.2">
      <c r="A139" s="4">
        <v>43556</v>
      </c>
      <c r="B139" s="5" t="s">
        <v>9</v>
      </c>
      <c r="C139" s="5" t="s">
        <v>396</v>
      </c>
      <c r="D139" s="6" t="s">
        <v>433</v>
      </c>
      <c r="E139" s="5" t="s">
        <v>434</v>
      </c>
      <c r="F139" s="7">
        <v>35717</v>
      </c>
      <c r="G139" s="5" t="s">
        <v>413</v>
      </c>
      <c r="H139" s="6" t="s">
        <v>414</v>
      </c>
      <c r="I139" s="8">
        <v>43762</v>
      </c>
    </row>
    <row r="140" spans="1:9" ht="24" x14ac:dyDescent="0.2">
      <c r="A140" s="4">
        <v>43556</v>
      </c>
      <c r="B140" s="5" t="s">
        <v>9</v>
      </c>
      <c r="C140" s="5" t="s">
        <v>396</v>
      </c>
      <c r="D140" s="6" t="s">
        <v>435</v>
      </c>
      <c r="E140" s="5" t="s">
        <v>436</v>
      </c>
      <c r="F140" s="7">
        <v>30000</v>
      </c>
      <c r="G140" s="5" t="s">
        <v>1149</v>
      </c>
      <c r="H140" s="6" t="s">
        <v>35</v>
      </c>
      <c r="I140" s="8">
        <v>43767</v>
      </c>
    </row>
    <row r="141" spans="1:9" ht="24" x14ac:dyDescent="0.2">
      <c r="A141" s="4">
        <v>43556</v>
      </c>
      <c r="B141" s="5" t="s">
        <v>9</v>
      </c>
      <c r="C141" s="5" t="s">
        <v>396</v>
      </c>
      <c r="D141" s="6" t="s">
        <v>438</v>
      </c>
      <c r="E141" s="5" t="s">
        <v>439</v>
      </c>
      <c r="F141" s="7">
        <v>15460</v>
      </c>
      <c r="G141" s="5" t="s">
        <v>419</v>
      </c>
      <c r="H141" s="6" t="s">
        <v>420</v>
      </c>
      <c r="I141" s="8">
        <v>43767</v>
      </c>
    </row>
    <row r="142" spans="1:9" ht="24" x14ac:dyDescent="0.2">
      <c r="A142" s="4">
        <v>43556</v>
      </c>
      <c r="B142" s="5" t="s">
        <v>9</v>
      </c>
      <c r="C142" s="5" t="s">
        <v>396</v>
      </c>
      <c r="D142" s="6" t="s">
        <v>440</v>
      </c>
      <c r="E142" s="5" t="s">
        <v>441</v>
      </c>
      <c r="F142" s="7">
        <v>48950</v>
      </c>
      <c r="G142" s="5" t="s">
        <v>426</v>
      </c>
      <c r="H142" s="6" t="s">
        <v>400</v>
      </c>
      <c r="I142" s="8">
        <v>43767</v>
      </c>
    </row>
    <row r="143" spans="1:9" ht="24" x14ac:dyDescent="0.2">
      <c r="A143" s="4">
        <v>43556</v>
      </c>
      <c r="B143" s="5" t="s">
        <v>9</v>
      </c>
      <c r="C143" s="5" t="s">
        <v>396</v>
      </c>
      <c r="D143" s="6" t="s">
        <v>442</v>
      </c>
      <c r="E143" s="5" t="s">
        <v>443</v>
      </c>
      <c r="F143" s="7">
        <v>61974</v>
      </c>
      <c r="G143" s="5" t="s">
        <v>444</v>
      </c>
      <c r="H143" s="6" t="s">
        <v>445</v>
      </c>
      <c r="I143" s="8">
        <v>43769</v>
      </c>
    </row>
    <row r="144" spans="1:9" ht="24" x14ac:dyDescent="0.2">
      <c r="A144" s="4">
        <v>43556</v>
      </c>
      <c r="B144" s="5" t="s">
        <v>9</v>
      </c>
      <c r="C144" s="5" t="s">
        <v>396</v>
      </c>
      <c r="D144" s="6" t="s">
        <v>446</v>
      </c>
      <c r="E144" s="5" t="s">
        <v>447</v>
      </c>
      <c r="F144" s="7">
        <v>1310</v>
      </c>
      <c r="G144" s="5" t="s">
        <v>448</v>
      </c>
      <c r="H144" s="6" t="s">
        <v>449</v>
      </c>
      <c r="I144" s="8">
        <v>43769</v>
      </c>
    </row>
    <row r="145" spans="1:9" ht="24" x14ac:dyDescent="0.2">
      <c r="A145" s="4">
        <v>43556</v>
      </c>
      <c r="B145" s="5" t="s">
        <v>9</v>
      </c>
      <c r="C145" s="5" t="s">
        <v>396</v>
      </c>
      <c r="D145" s="6" t="s">
        <v>450</v>
      </c>
      <c r="E145" s="5" t="s">
        <v>451</v>
      </c>
      <c r="F145" s="7">
        <v>37715</v>
      </c>
      <c r="G145" s="5" t="s">
        <v>419</v>
      </c>
      <c r="H145" s="6" t="s">
        <v>420</v>
      </c>
      <c r="I145" s="8">
        <v>43770</v>
      </c>
    </row>
    <row r="146" spans="1:9" ht="24" x14ac:dyDescent="0.2">
      <c r="A146" s="4">
        <v>43556</v>
      </c>
      <c r="B146" s="5" t="s">
        <v>9</v>
      </c>
      <c r="C146" s="5" t="s">
        <v>396</v>
      </c>
      <c r="D146" s="6" t="s">
        <v>452</v>
      </c>
      <c r="E146" s="5" t="s">
        <v>453</v>
      </c>
      <c r="F146" s="7">
        <v>61600</v>
      </c>
      <c r="G146" s="5" t="s">
        <v>454</v>
      </c>
      <c r="H146" s="6" t="s">
        <v>14</v>
      </c>
      <c r="I146" s="8">
        <v>43776</v>
      </c>
    </row>
    <row r="147" spans="1:9" ht="24" x14ac:dyDescent="0.2">
      <c r="A147" s="4">
        <v>43556</v>
      </c>
      <c r="B147" s="5" t="s">
        <v>9</v>
      </c>
      <c r="C147" s="5" t="s">
        <v>396</v>
      </c>
      <c r="D147" s="6" t="s">
        <v>455</v>
      </c>
      <c r="E147" s="5" t="s">
        <v>456</v>
      </c>
      <c r="F147" s="7">
        <v>42273</v>
      </c>
      <c r="G147" s="5" t="s">
        <v>426</v>
      </c>
      <c r="H147" s="6" t="s">
        <v>400</v>
      </c>
      <c r="I147" s="8">
        <v>43777</v>
      </c>
    </row>
    <row r="148" spans="1:9" ht="24" x14ac:dyDescent="0.2">
      <c r="A148" s="4">
        <v>43556</v>
      </c>
      <c r="B148" s="5" t="s">
        <v>9</v>
      </c>
      <c r="C148" s="5" t="s">
        <v>396</v>
      </c>
      <c r="D148" s="6" t="s">
        <v>457</v>
      </c>
      <c r="E148" s="5" t="s">
        <v>458</v>
      </c>
      <c r="F148" s="7">
        <v>202235</v>
      </c>
      <c r="G148" s="5" t="s">
        <v>444</v>
      </c>
      <c r="H148" s="6" t="s">
        <v>445</v>
      </c>
      <c r="I148" s="8">
        <v>43781</v>
      </c>
    </row>
    <row r="149" spans="1:9" ht="24" x14ac:dyDescent="0.2">
      <c r="A149" s="4">
        <v>43556</v>
      </c>
      <c r="B149" s="5" t="s">
        <v>9</v>
      </c>
      <c r="C149" s="5" t="s">
        <v>396</v>
      </c>
      <c r="D149" s="6" t="s">
        <v>459</v>
      </c>
      <c r="E149" s="5" t="s">
        <v>460</v>
      </c>
      <c r="F149" s="7">
        <v>23254</v>
      </c>
      <c r="G149" s="5" t="s">
        <v>426</v>
      </c>
      <c r="H149" s="6" t="s">
        <v>400</v>
      </c>
      <c r="I149" s="8">
        <v>43783</v>
      </c>
    </row>
    <row r="150" spans="1:9" ht="24" x14ac:dyDescent="0.2">
      <c r="A150" s="4">
        <v>43556</v>
      </c>
      <c r="B150" s="5" t="s">
        <v>9</v>
      </c>
      <c r="C150" s="5" t="s">
        <v>396</v>
      </c>
      <c r="D150" s="6" t="s">
        <v>461</v>
      </c>
      <c r="E150" s="5" t="s">
        <v>462</v>
      </c>
      <c r="F150" s="7">
        <v>11900</v>
      </c>
      <c r="G150" s="5" t="s">
        <v>409</v>
      </c>
      <c r="H150" s="6" t="s">
        <v>410</v>
      </c>
      <c r="I150" s="8">
        <v>43787</v>
      </c>
    </row>
    <row r="151" spans="1:9" ht="24" x14ac:dyDescent="0.2">
      <c r="A151" s="4">
        <v>43556</v>
      </c>
      <c r="B151" s="5" t="s">
        <v>9</v>
      </c>
      <c r="C151" s="5" t="s">
        <v>396</v>
      </c>
      <c r="D151" s="6" t="s">
        <v>463</v>
      </c>
      <c r="E151" s="5" t="s">
        <v>464</v>
      </c>
      <c r="F151" s="7">
        <v>36912</v>
      </c>
      <c r="G151" s="5" t="s">
        <v>419</v>
      </c>
      <c r="H151" s="6" t="s">
        <v>420</v>
      </c>
      <c r="I151" s="8">
        <v>43794</v>
      </c>
    </row>
    <row r="152" spans="1:9" ht="24" x14ac:dyDescent="0.2">
      <c r="A152" s="4">
        <v>43556</v>
      </c>
      <c r="B152" s="5" t="s">
        <v>9</v>
      </c>
      <c r="C152" s="5" t="s">
        <v>396</v>
      </c>
      <c r="D152" s="6" t="s">
        <v>465</v>
      </c>
      <c r="E152" s="5" t="s">
        <v>466</v>
      </c>
      <c r="F152" s="7">
        <v>30000</v>
      </c>
      <c r="G152" s="5" t="s">
        <v>437</v>
      </c>
      <c r="H152" s="6" t="s">
        <v>35</v>
      </c>
      <c r="I152" s="8">
        <v>43794</v>
      </c>
    </row>
    <row r="153" spans="1:9" ht="24" x14ac:dyDescent="0.2">
      <c r="A153" s="4">
        <v>43556</v>
      </c>
      <c r="B153" s="5" t="s">
        <v>9</v>
      </c>
      <c r="C153" s="5" t="s">
        <v>396</v>
      </c>
      <c r="D153" s="6" t="s">
        <v>467</v>
      </c>
      <c r="E153" s="5" t="s">
        <v>468</v>
      </c>
      <c r="F153" s="7">
        <v>7480</v>
      </c>
      <c r="G153" s="5" t="s">
        <v>469</v>
      </c>
      <c r="H153" s="6" t="s">
        <v>470</v>
      </c>
      <c r="I153" s="8">
        <v>43794</v>
      </c>
    </row>
    <row r="154" spans="1:9" ht="24" x14ac:dyDescent="0.2">
      <c r="A154" s="4">
        <v>43556</v>
      </c>
      <c r="B154" s="5" t="s">
        <v>9</v>
      </c>
      <c r="C154" s="5" t="s">
        <v>396</v>
      </c>
      <c r="D154" s="6" t="s">
        <v>471</v>
      </c>
      <c r="E154" s="5" t="s">
        <v>472</v>
      </c>
      <c r="F154" s="7">
        <v>45408</v>
      </c>
      <c r="G154" s="5" t="s">
        <v>426</v>
      </c>
      <c r="H154" s="6" t="s">
        <v>400</v>
      </c>
      <c r="I154" s="8">
        <v>43798</v>
      </c>
    </row>
    <row r="155" spans="1:9" ht="24" x14ac:dyDescent="0.2">
      <c r="A155" s="4">
        <v>43556</v>
      </c>
      <c r="B155" s="5" t="s">
        <v>9</v>
      </c>
      <c r="C155" s="5" t="s">
        <v>396</v>
      </c>
      <c r="D155" s="6" t="s">
        <v>473</v>
      </c>
      <c r="E155" s="5" t="s">
        <v>474</v>
      </c>
      <c r="F155" s="7">
        <v>35204</v>
      </c>
      <c r="G155" s="5" t="s">
        <v>426</v>
      </c>
      <c r="H155" s="6" t="s">
        <v>400</v>
      </c>
      <c r="I155" s="8">
        <v>43798</v>
      </c>
    </row>
    <row r="156" spans="1:9" ht="24" x14ac:dyDescent="0.2">
      <c r="A156" s="4">
        <v>43556</v>
      </c>
      <c r="B156" s="5" t="s">
        <v>9</v>
      </c>
      <c r="C156" s="5" t="s">
        <v>396</v>
      </c>
      <c r="D156" s="6" t="s">
        <v>475</v>
      </c>
      <c r="E156" s="5" t="s">
        <v>476</v>
      </c>
      <c r="F156" s="7">
        <v>20563</v>
      </c>
      <c r="G156" s="5" t="s">
        <v>426</v>
      </c>
      <c r="H156" s="6" t="s">
        <v>400</v>
      </c>
      <c r="I156" s="8">
        <v>43798</v>
      </c>
    </row>
    <row r="157" spans="1:9" ht="24" x14ac:dyDescent="0.2">
      <c r="A157" s="4">
        <v>43556</v>
      </c>
      <c r="B157" s="5" t="s">
        <v>9</v>
      </c>
      <c r="C157" s="5" t="s">
        <v>396</v>
      </c>
      <c r="D157" s="6" t="s">
        <v>477</v>
      </c>
      <c r="E157" s="5" t="s">
        <v>443</v>
      </c>
      <c r="F157" s="7">
        <v>253339</v>
      </c>
      <c r="G157" s="5" t="s">
        <v>444</v>
      </c>
      <c r="H157" s="6" t="s">
        <v>445</v>
      </c>
      <c r="I157" s="8">
        <v>43798</v>
      </c>
    </row>
    <row r="158" spans="1:9" ht="24" x14ac:dyDescent="0.2">
      <c r="A158" s="4">
        <v>43556</v>
      </c>
      <c r="B158" s="5" t="s">
        <v>9</v>
      </c>
      <c r="C158" s="5" t="s">
        <v>396</v>
      </c>
      <c r="D158" s="6" t="s">
        <v>478</v>
      </c>
      <c r="E158" s="5" t="s">
        <v>479</v>
      </c>
      <c r="F158" s="7">
        <v>46923</v>
      </c>
      <c r="G158" s="5" t="s">
        <v>426</v>
      </c>
      <c r="H158" s="6" t="s">
        <v>400</v>
      </c>
      <c r="I158" s="8">
        <v>43802</v>
      </c>
    </row>
    <row r="159" spans="1:9" ht="24" x14ac:dyDescent="0.2">
      <c r="A159" s="4">
        <v>43556</v>
      </c>
      <c r="B159" s="5" t="s">
        <v>9</v>
      </c>
      <c r="C159" s="5" t="s">
        <v>396</v>
      </c>
      <c r="D159" s="6" t="s">
        <v>480</v>
      </c>
      <c r="E159" s="5" t="s">
        <v>481</v>
      </c>
      <c r="F159" s="7">
        <v>34738</v>
      </c>
      <c r="G159" s="5" t="s">
        <v>426</v>
      </c>
      <c r="H159" s="6" t="s">
        <v>400</v>
      </c>
      <c r="I159" s="8">
        <v>43802</v>
      </c>
    </row>
    <row r="160" spans="1:9" ht="24" x14ac:dyDescent="0.2">
      <c r="A160" s="4">
        <v>43556</v>
      </c>
      <c r="B160" s="5" t="s">
        <v>9</v>
      </c>
      <c r="C160" s="5" t="s">
        <v>396</v>
      </c>
      <c r="D160" s="6" t="s">
        <v>482</v>
      </c>
      <c r="E160" s="5" t="s">
        <v>483</v>
      </c>
      <c r="F160" s="7">
        <v>41057</v>
      </c>
      <c r="G160" s="5" t="s">
        <v>419</v>
      </c>
      <c r="H160" s="6" t="s">
        <v>420</v>
      </c>
      <c r="I160" s="8">
        <v>43803</v>
      </c>
    </row>
    <row r="161" spans="1:9" ht="24" x14ac:dyDescent="0.2">
      <c r="A161" s="4">
        <v>43556</v>
      </c>
      <c r="B161" s="5" t="s">
        <v>9</v>
      </c>
      <c r="C161" s="5" t="s">
        <v>396</v>
      </c>
      <c r="D161" s="6" t="s">
        <v>484</v>
      </c>
      <c r="E161" s="5" t="s">
        <v>485</v>
      </c>
      <c r="F161" s="7">
        <v>41514</v>
      </c>
      <c r="G161" s="5" t="s">
        <v>486</v>
      </c>
      <c r="H161" s="6" t="s">
        <v>35</v>
      </c>
      <c r="I161" s="8">
        <v>43804</v>
      </c>
    </row>
    <row r="162" spans="1:9" ht="24" x14ac:dyDescent="0.2">
      <c r="A162" s="4">
        <v>43556</v>
      </c>
      <c r="B162" s="5" t="s">
        <v>9</v>
      </c>
      <c r="C162" s="5" t="s">
        <v>396</v>
      </c>
      <c r="D162" s="6" t="s">
        <v>487</v>
      </c>
      <c r="E162" s="5" t="s">
        <v>488</v>
      </c>
      <c r="F162" s="7">
        <v>33110</v>
      </c>
      <c r="G162" s="5" t="s">
        <v>426</v>
      </c>
      <c r="H162" s="6" t="s">
        <v>400</v>
      </c>
      <c r="I162" s="8">
        <v>43805</v>
      </c>
    </row>
    <row r="163" spans="1:9" ht="24" x14ac:dyDescent="0.2">
      <c r="A163" s="4">
        <v>43556</v>
      </c>
      <c r="B163" s="5" t="s">
        <v>9</v>
      </c>
      <c r="C163" s="5" t="s">
        <v>396</v>
      </c>
      <c r="D163" s="6" t="s">
        <v>489</v>
      </c>
      <c r="E163" s="5" t="s">
        <v>490</v>
      </c>
      <c r="F163" s="7">
        <v>12100</v>
      </c>
      <c r="G163" s="5" t="s">
        <v>491</v>
      </c>
      <c r="H163" s="6" t="s">
        <v>55</v>
      </c>
      <c r="I163" s="8">
        <v>43808</v>
      </c>
    </row>
    <row r="164" spans="1:9" ht="24" x14ac:dyDescent="0.2">
      <c r="A164" s="4">
        <v>43556</v>
      </c>
      <c r="B164" s="5" t="s">
        <v>9</v>
      </c>
      <c r="C164" s="5" t="s">
        <v>396</v>
      </c>
      <c r="D164" s="6" t="s">
        <v>492</v>
      </c>
      <c r="E164" s="5" t="s">
        <v>458</v>
      </c>
      <c r="F164" s="7">
        <v>99286</v>
      </c>
      <c r="G164" s="5" t="s">
        <v>444</v>
      </c>
      <c r="H164" s="6" t="s">
        <v>445</v>
      </c>
      <c r="I164" s="8">
        <v>43808</v>
      </c>
    </row>
    <row r="165" spans="1:9" ht="24" x14ac:dyDescent="0.2">
      <c r="A165" s="4">
        <v>43556</v>
      </c>
      <c r="B165" s="5" t="s">
        <v>9</v>
      </c>
      <c r="C165" s="5" t="s">
        <v>396</v>
      </c>
      <c r="D165" s="6" t="s">
        <v>493</v>
      </c>
      <c r="E165" s="5" t="s">
        <v>494</v>
      </c>
      <c r="F165" s="7">
        <v>28303</v>
      </c>
      <c r="G165" s="5" t="s">
        <v>413</v>
      </c>
      <c r="H165" s="6" t="s">
        <v>414</v>
      </c>
      <c r="I165" s="8">
        <v>43809</v>
      </c>
    </row>
    <row r="166" spans="1:9" ht="24" x14ac:dyDescent="0.2">
      <c r="A166" s="4">
        <v>43556</v>
      </c>
      <c r="B166" s="5" t="s">
        <v>9</v>
      </c>
      <c r="C166" s="5" t="s">
        <v>396</v>
      </c>
      <c r="D166" s="6" t="s">
        <v>495</v>
      </c>
      <c r="E166" s="5" t="s">
        <v>496</v>
      </c>
      <c r="F166" s="7">
        <v>37532</v>
      </c>
      <c r="G166" s="5" t="s">
        <v>426</v>
      </c>
      <c r="H166" s="6" t="s">
        <v>400</v>
      </c>
      <c r="I166" s="8">
        <v>43809</v>
      </c>
    </row>
    <row r="167" spans="1:9" ht="24" x14ac:dyDescent="0.2">
      <c r="A167" s="4">
        <v>43556</v>
      </c>
      <c r="B167" s="5" t="s">
        <v>9</v>
      </c>
      <c r="C167" s="5" t="s">
        <v>396</v>
      </c>
      <c r="D167" s="6" t="s">
        <v>497</v>
      </c>
      <c r="E167" s="5" t="s">
        <v>485</v>
      </c>
      <c r="F167" s="7">
        <v>36762</v>
      </c>
      <c r="G167" s="5" t="s">
        <v>486</v>
      </c>
      <c r="H167" s="6" t="s">
        <v>35</v>
      </c>
      <c r="I167" s="8">
        <v>43809</v>
      </c>
    </row>
    <row r="168" spans="1:9" ht="24" x14ac:dyDescent="0.2">
      <c r="A168" s="4">
        <v>43556</v>
      </c>
      <c r="B168" s="5" t="s">
        <v>9</v>
      </c>
      <c r="C168" s="5" t="s">
        <v>396</v>
      </c>
      <c r="D168" s="6" t="s">
        <v>498</v>
      </c>
      <c r="E168" s="5" t="s">
        <v>499</v>
      </c>
      <c r="F168" s="7">
        <v>46310</v>
      </c>
      <c r="G168" s="5" t="s">
        <v>426</v>
      </c>
      <c r="H168" s="6" t="s">
        <v>400</v>
      </c>
      <c r="I168" s="8">
        <v>43815</v>
      </c>
    </row>
    <row r="169" spans="1:9" ht="24" x14ac:dyDescent="0.2">
      <c r="A169" s="4">
        <v>43556</v>
      </c>
      <c r="B169" s="5" t="s">
        <v>9</v>
      </c>
      <c r="C169" s="5" t="s">
        <v>396</v>
      </c>
      <c r="D169" s="6" t="s">
        <v>500</v>
      </c>
      <c r="E169" s="5" t="s">
        <v>501</v>
      </c>
      <c r="F169" s="7">
        <v>36454</v>
      </c>
      <c r="G169" s="5" t="s">
        <v>426</v>
      </c>
      <c r="H169" s="6" t="s">
        <v>400</v>
      </c>
      <c r="I169" s="8">
        <v>43815</v>
      </c>
    </row>
    <row r="170" spans="1:9" ht="24" x14ac:dyDescent="0.2">
      <c r="A170" s="4">
        <v>43556</v>
      </c>
      <c r="B170" s="5" t="s">
        <v>9</v>
      </c>
      <c r="C170" s="5" t="s">
        <v>396</v>
      </c>
      <c r="D170" s="6" t="s">
        <v>502</v>
      </c>
      <c r="E170" s="5" t="s">
        <v>503</v>
      </c>
      <c r="F170" s="7">
        <v>103950</v>
      </c>
      <c r="G170" s="5" t="s">
        <v>504</v>
      </c>
      <c r="H170" s="6" t="s">
        <v>505</v>
      </c>
      <c r="I170" s="8">
        <v>43815</v>
      </c>
    </row>
    <row r="171" spans="1:9" ht="24" x14ac:dyDescent="0.2">
      <c r="A171" s="4">
        <v>43556</v>
      </c>
      <c r="B171" s="5" t="s">
        <v>9</v>
      </c>
      <c r="C171" s="5" t="s">
        <v>396</v>
      </c>
      <c r="D171" s="6" t="s">
        <v>506</v>
      </c>
      <c r="E171" s="5" t="s">
        <v>507</v>
      </c>
      <c r="F171" s="7">
        <v>26697</v>
      </c>
      <c r="G171" s="5" t="s">
        <v>426</v>
      </c>
      <c r="H171" s="6" t="s">
        <v>400</v>
      </c>
      <c r="I171" s="8">
        <v>43816</v>
      </c>
    </row>
    <row r="172" spans="1:9" ht="24" x14ac:dyDescent="0.2">
      <c r="A172" s="4">
        <v>43556</v>
      </c>
      <c r="B172" s="5" t="s">
        <v>9</v>
      </c>
      <c r="C172" s="5" t="s">
        <v>396</v>
      </c>
      <c r="D172" s="6" t="s">
        <v>508</v>
      </c>
      <c r="E172" s="5" t="s">
        <v>509</v>
      </c>
      <c r="F172" s="7">
        <v>14995</v>
      </c>
      <c r="G172" s="5" t="s">
        <v>510</v>
      </c>
      <c r="H172" s="6" t="s">
        <v>511</v>
      </c>
      <c r="I172" s="8">
        <v>43816</v>
      </c>
    </row>
    <row r="173" spans="1:9" ht="24" x14ac:dyDescent="0.2">
      <c r="A173" s="4">
        <v>43556</v>
      </c>
      <c r="B173" s="5" t="s">
        <v>9</v>
      </c>
      <c r="C173" s="5" t="s">
        <v>396</v>
      </c>
      <c r="D173" s="6" t="s">
        <v>512</v>
      </c>
      <c r="E173" s="5" t="s">
        <v>513</v>
      </c>
      <c r="F173" s="7">
        <v>33968</v>
      </c>
      <c r="G173" s="5" t="s">
        <v>426</v>
      </c>
      <c r="H173" s="6" t="s">
        <v>400</v>
      </c>
      <c r="I173" s="8">
        <v>43818</v>
      </c>
    </row>
    <row r="174" spans="1:9" ht="24" x14ac:dyDescent="0.2">
      <c r="A174" s="4">
        <v>43556</v>
      </c>
      <c r="B174" s="5" t="s">
        <v>9</v>
      </c>
      <c r="C174" s="5" t="s">
        <v>396</v>
      </c>
      <c r="D174" s="6" t="s">
        <v>514</v>
      </c>
      <c r="E174" s="5" t="s">
        <v>515</v>
      </c>
      <c r="F174" s="7">
        <v>38456</v>
      </c>
      <c r="G174" s="5" t="s">
        <v>419</v>
      </c>
      <c r="H174" s="6" t="s">
        <v>420</v>
      </c>
      <c r="I174" s="8">
        <v>43818</v>
      </c>
    </row>
    <row r="175" spans="1:9" ht="24" x14ac:dyDescent="0.2">
      <c r="A175" s="4">
        <v>43556</v>
      </c>
      <c r="B175" s="5" t="s">
        <v>9</v>
      </c>
      <c r="C175" s="5" t="s">
        <v>396</v>
      </c>
      <c r="D175" s="6" t="s">
        <v>516</v>
      </c>
      <c r="E175" s="5" t="s">
        <v>517</v>
      </c>
      <c r="F175" s="7">
        <v>20328</v>
      </c>
      <c r="G175" s="5" t="s">
        <v>426</v>
      </c>
      <c r="H175" s="6" t="s">
        <v>400</v>
      </c>
      <c r="I175" s="8">
        <v>43818</v>
      </c>
    </row>
    <row r="176" spans="1:9" ht="24" x14ac:dyDescent="0.2">
      <c r="A176" s="4">
        <v>43556</v>
      </c>
      <c r="B176" s="5" t="s">
        <v>9</v>
      </c>
      <c r="C176" s="5" t="s">
        <v>396</v>
      </c>
      <c r="D176" s="6" t="s">
        <v>518</v>
      </c>
      <c r="E176" s="5" t="s">
        <v>519</v>
      </c>
      <c r="F176" s="7">
        <v>13200</v>
      </c>
      <c r="G176" s="5" t="s">
        <v>520</v>
      </c>
      <c r="H176" s="6" t="s">
        <v>521</v>
      </c>
      <c r="I176" s="8">
        <v>43818</v>
      </c>
    </row>
    <row r="177" spans="1:9" ht="24" x14ac:dyDescent="0.2">
      <c r="A177" s="4">
        <v>43556</v>
      </c>
      <c r="B177" s="5" t="s">
        <v>9</v>
      </c>
      <c r="C177" s="5" t="s">
        <v>396</v>
      </c>
      <c r="D177" s="6" t="s">
        <v>522</v>
      </c>
      <c r="E177" s="5" t="s">
        <v>523</v>
      </c>
      <c r="F177" s="7">
        <v>30000</v>
      </c>
      <c r="G177" s="5" t="s">
        <v>437</v>
      </c>
      <c r="H177" s="6" t="s">
        <v>35</v>
      </c>
      <c r="I177" s="8">
        <v>43819</v>
      </c>
    </row>
    <row r="178" spans="1:9" ht="24" x14ac:dyDescent="0.2">
      <c r="A178" s="4">
        <v>43556</v>
      </c>
      <c r="B178" s="5" t="s">
        <v>9</v>
      </c>
      <c r="C178" s="5" t="s">
        <v>396</v>
      </c>
      <c r="D178" s="6" t="s">
        <v>524</v>
      </c>
      <c r="E178" s="5" t="s">
        <v>525</v>
      </c>
      <c r="F178" s="7">
        <v>15400</v>
      </c>
      <c r="G178" s="5" t="s">
        <v>526</v>
      </c>
      <c r="H178" s="6" t="s">
        <v>527</v>
      </c>
      <c r="I178" s="8">
        <v>43822</v>
      </c>
    </row>
    <row r="179" spans="1:9" ht="24" x14ac:dyDescent="0.2">
      <c r="A179" s="4">
        <v>43556</v>
      </c>
      <c r="B179" s="5" t="s">
        <v>9</v>
      </c>
      <c r="C179" s="5" t="s">
        <v>396</v>
      </c>
      <c r="D179" s="6" t="s">
        <v>528</v>
      </c>
      <c r="E179" s="5" t="s">
        <v>529</v>
      </c>
      <c r="F179" s="7">
        <v>22627</v>
      </c>
      <c r="G179" s="5" t="s">
        <v>444</v>
      </c>
      <c r="H179" s="6" t="s">
        <v>445</v>
      </c>
      <c r="I179" s="8">
        <v>43822</v>
      </c>
    </row>
    <row r="180" spans="1:9" ht="24" x14ac:dyDescent="0.2">
      <c r="A180" s="4">
        <v>43556</v>
      </c>
      <c r="B180" s="5" t="s">
        <v>9</v>
      </c>
      <c r="C180" s="5" t="s">
        <v>396</v>
      </c>
      <c r="D180" s="6" t="s">
        <v>530</v>
      </c>
      <c r="E180" s="5" t="s">
        <v>531</v>
      </c>
      <c r="F180" s="7">
        <v>36192</v>
      </c>
      <c r="G180" s="5" t="s">
        <v>423</v>
      </c>
      <c r="H180" s="6" t="s">
        <v>424</v>
      </c>
      <c r="I180" s="8">
        <v>43823</v>
      </c>
    </row>
    <row r="181" spans="1:9" ht="24" x14ac:dyDescent="0.2">
      <c r="A181" s="4">
        <v>43556</v>
      </c>
      <c r="B181" s="5" t="s">
        <v>9</v>
      </c>
      <c r="C181" s="5" t="s">
        <v>396</v>
      </c>
      <c r="D181" s="6" t="s">
        <v>532</v>
      </c>
      <c r="E181" s="5" t="s">
        <v>531</v>
      </c>
      <c r="F181" s="7">
        <v>31020</v>
      </c>
      <c r="G181" s="5" t="s">
        <v>426</v>
      </c>
      <c r="H181" s="6" t="s">
        <v>400</v>
      </c>
      <c r="I181" s="8">
        <v>43823</v>
      </c>
    </row>
    <row r="182" spans="1:9" ht="24" x14ac:dyDescent="0.2">
      <c r="A182" s="4">
        <v>43556</v>
      </c>
      <c r="B182" s="5" t="s">
        <v>9</v>
      </c>
      <c r="C182" s="5" t="s">
        <v>396</v>
      </c>
      <c r="D182" s="6" t="s">
        <v>533</v>
      </c>
      <c r="E182" s="5" t="s">
        <v>534</v>
      </c>
      <c r="F182" s="7">
        <v>10372</v>
      </c>
      <c r="G182" s="5" t="s">
        <v>426</v>
      </c>
      <c r="H182" s="6" t="s">
        <v>400</v>
      </c>
      <c r="I182" s="8">
        <v>43823</v>
      </c>
    </row>
    <row r="183" spans="1:9" ht="24" x14ac:dyDescent="0.2">
      <c r="A183" s="4">
        <v>43556</v>
      </c>
      <c r="B183" s="5" t="s">
        <v>9</v>
      </c>
      <c r="C183" s="5" t="s">
        <v>396</v>
      </c>
      <c r="D183" s="6" t="s">
        <v>535</v>
      </c>
      <c r="E183" s="5" t="s">
        <v>536</v>
      </c>
      <c r="F183" s="7">
        <v>24343</v>
      </c>
      <c r="G183" s="5" t="s">
        <v>419</v>
      </c>
      <c r="H183" s="6" t="s">
        <v>420</v>
      </c>
      <c r="I183" s="8">
        <v>43823</v>
      </c>
    </row>
    <row r="184" spans="1:9" ht="24" x14ac:dyDescent="0.2">
      <c r="A184" s="4">
        <v>43556</v>
      </c>
      <c r="B184" s="5" t="s">
        <v>9</v>
      </c>
      <c r="C184" s="5" t="s">
        <v>396</v>
      </c>
      <c r="D184" s="6" t="s">
        <v>537</v>
      </c>
      <c r="E184" s="5" t="s">
        <v>538</v>
      </c>
      <c r="F184" s="7">
        <v>43274</v>
      </c>
      <c r="G184" s="5" t="s">
        <v>426</v>
      </c>
      <c r="H184" s="6" t="s">
        <v>400</v>
      </c>
      <c r="I184" s="8">
        <v>43823</v>
      </c>
    </row>
    <row r="185" spans="1:9" ht="24" x14ac:dyDescent="0.2">
      <c r="A185" s="4">
        <v>43556</v>
      </c>
      <c r="B185" s="5" t="s">
        <v>9</v>
      </c>
      <c r="C185" s="5" t="s">
        <v>396</v>
      </c>
      <c r="D185" s="6" t="s">
        <v>539</v>
      </c>
      <c r="E185" s="5" t="s">
        <v>540</v>
      </c>
      <c r="F185" s="7">
        <v>4400</v>
      </c>
      <c r="G185" s="5" t="s">
        <v>541</v>
      </c>
      <c r="H185" s="6" t="s">
        <v>542</v>
      </c>
      <c r="I185" s="8">
        <v>43823</v>
      </c>
    </row>
    <row r="186" spans="1:9" ht="24" x14ac:dyDescent="0.2">
      <c r="A186" s="4">
        <v>43556</v>
      </c>
      <c r="B186" s="5" t="s">
        <v>9</v>
      </c>
      <c r="C186" s="5" t="s">
        <v>396</v>
      </c>
      <c r="D186" s="6" t="s">
        <v>543</v>
      </c>
      <c r="E186" s="5" t="s">
        <v>544</v>
      </c>
      <c r="F186" s="7">
        <v>45320</v>
      </c>
      <c r="G186" s="5" t="s">
        <v>426</v>
      </c>
      <c r="H186" s="6" t="s">
        <v>400</v>
      </c>
      <c r="I186" s="8">
        <v>43824</v>
      </c>
    </row>
    <row r="187" spans="1:9" ht="24" x14ac:dyDescent="0.2">
      <c r="A187" s="4">
        <v>43556</v>
      </c>
      <c r="B187" s="5" t="s">
        <v>9</v>
      </c>
      <c r="C187" s="5" t="s">
        <v>396</v>
      </c>
      <c r="D187" s="6" t="s">
        <v>545</v>
      </c>
      <c r="E187" s="5" t="s">
        <v>546</v>
      </c>
      <c r="F187" s="7">
        <v>26180</v>
      </c>
      <c r="G187" s="5" t="s">
        <v>547</v>
      </c>
      <c r="H187" s="6" t="s">
        <v>548</v>
      </c>
      <c r="I187" s="8">
        <v>43826</v>
      </c>
    </row>
    <row r="188" spans="1:9" ht="24" x14ac:dyDescent="0.2">
      <c r="A188" s="4">
        <v>43556</v>
      </c>
      <c r="B188" s="5" t="s">
        <v>9</v>
      </c>
      <c r="C188" s="5" t="s">
        <v>549</v>
      </c>
      <c r="D188" s="6" t="s">
        <v>550</v>
      </c>
      <c r="E188" s="5" t="s">
        <v>551</v>
      </c>
      <c r="F188" s="7">
        <v>87709</v>
      </c>
      <c r="G188" s="5" t="s">
        <v>66</v>
      </c>
      <c r="H188" s="6" t="s">
        <v>67</v>
      </c>
      <c r="I188" s="8">
        <v>43740</v>
      </c>
    </row>
    <row r="189" spans="1:9" ht="24" x14ac:dyDescent="0.2">
      <c r="A189" s="4">
        <v>43556</v>
      </c>
      <c r="B189" s="5" t="s">
        <v>9</v>
      </c>
      <c r="C189" s="5" t="s">
        <v>549</v>
      </c>
      <c r="D189" s="6" t="s">
        <v>552</v>
      </c>
      <c r="E189" s="5" t="s">
        <v>553</v>
      </c>
      <c r="F189" s="7">
        <v>30000</v>
      </c>
      <c r="G189" s="5" t="s">
        <v>1150</v>
      </c>
      <c r="H189" s="6" t="s">
        <v>35</v>
      </c>
      <c r="I189" s="8">
        <v>43755</v>
      </c>
    </row>
    <row r="190" spans="1:9" ht="24" x14ac:dyDescent="0.2">
      <c r="A190" s="4">
        <v>43556</v>
      </c>
      <c r="B190" s="5" t="s">
        <v>9</v>
      </c>
      <c r="C190" s="5" t="s">
        <v>549</v>
      </c>
      <c r="D190" s="6" t="s">
        <v>554</v>
      </c>
      <c r="E190" s="5" t="s">
        <v>551</v>
      </c>
      <c r="F190" s="7">
        <v>27060</v>
      </c>
      <c r="G190" s="5" t="s">
        <v>555</v>
      </c>
      <c r="H190" s="6" t="s">
        <v>556</v>
      </c>
      <c r="I190" s="8">
        <v>43769</v>
      </c>
    </row>
    <row r="191" spans="1:9" ht="24" x14ac:dyDescent="0.2">
      <c r="A191" s="4">
        <v>43556</v>
      </c>
      <c r="B191" s="5" t="s">
        <v>9</v>
      </c>
      <c r="C191" s="5" t="s">
        <v>549</v>
      </c>
      <c r="D191" s="6" t="s">
        <v>557</v>
      </c>
      <c r="E191" s="5" t="s">
        <v>551</v>
      </c>
      <c r="F191" s="7">
        <v>39500</v>
      </c>
      <c r="G191" s="5" t="s">
        <v>558</v>
      </c>
      <c r="H191" s="6" t="s">
        <v>559</v>
      </c>
      <c r="I191" s="8">
        <v>43769</v>
      </c>
    </row>
    <row r="192" spans="1:9" ht="24" x14ac:dyDescent="0.2">
      <c r="A192" s="4">
        <v>43556</v>
      </c>
      <c r="B192" s="5" t="s">
        <v>9</v>
      </c>
      <c r="C192" s="5" t="s">
        <v>549</v>
      </c>
      <c r="D192" s="6" t="s">
        <v>560</v>
      </c>
      <c r="E192" s="5" t="s">
        <v>561</v>
      </c>
      <c r="F192" s="7">
        <v>30000</v>
      </c>
      <c r="G192" s="5" t="s">
        <v>1150</v>
      </c>
      <c r="H192" s="6" t="s">
        <v>35</v>
      </c>
      <c r="I192" s="8">
        <v>43789</v>
      </c>
    </row>
    <row r="193" spans="1:9" ht="24" x14ac:dyDescent="0.2">
      <c r="A193" s="4">
        <v>43556</v>
      </c>
      <c r="B193" s="5" t="s">
        <v>9</v>
      </c>
      <c r="C193" s="5" t="s">
        <v>549</v>
      </c>
      <c r="D193" s="6" t="s">
        <v>562</v>
      </c>
      <c r="E193" s="5" t="s">
        <v>563</v>
      </c>
      <c r="F193" s="7">
        <v>28402</v>
      </c>
      <c r="G193" s="5" t="s">
        <v>106</v>
      </c>
      <c r="H193" s="6" t="s">
        <v>107</v>
      </c>
      <c r="I193" s="8">
        <v>43790</v>
      </c>
    </row>
    <row r="194" spans="1:9" ht="24" x14ac:dyDescent="0.2">
      <c r="A194" s="4">
        <v>43556</v>
      </c>
      <c r="B194" s="5" t="s">
        <v>9</v>
      </c>
      <c r="C194" s="5" t="s">
        <v>549</v>
      </c>
      <c r="D194" s="6" t="s">
        <v>564</v>
      </c>
      <c r="E194" s="5" t="s">
        <v>565</v>
      </c>
      <c r="F194" s="7">
        <v>30000</v>
      </c>
      <c r="G194" s="5" t="s">
        <v>1150</v>
      </c>
      <c r="H194" s="6" t="s">
        <v>35</v>
      </c>
      <c r="I194" s="8">
        <v>43815</v>
      </c>
    </row>
    <row r="195" spans="1:9" ht="24" x14ac:dyDescent="0.2">
      <c r="A195" s="4">
        <v>43556</v>
      </c>
      <c r="B195" s="5" t="s">
        <v>9</v>
      </c>
      <c r="C195" s="5" t="s">
        <v>566</v>
      </c>
      <c r="D195" s="6" t="s">
        <v>567</v>
      </c>
      <c r="E195" s="5" t="s">
        <v>568</v>
      </c>
      <c r="F195" s="7">
        <v>10461</v>
      </c>
      <c r="G195" s="5" t="s">
        <v>569</v>
      </c>
      <c r="H195" s="6" t="s">
        <v>570</v>
      </c>
      <c r="I195" s="8">
        <v>43803</v>
      </c>
    </row>
    <row r="196" spans="1:9" ht="24" x14ac:dyDescent="0.2">
      <c r="A196" s="4">
        <v>43556</v>
      </c>
      <c r="B196" s="5" t="s">
        <v>9</v>
      </c>
      <c r="C196" s="5" t="s">
        <v>571</v>
      </c>
      <c r="D196" s="6" t="s">
        <v>572</v>
      </c>
      <c r="E196" s="5" t="s">
        <v>573</v>
      </c>
      <c r="F196" s="7">
        <v>3740</v>
      </c>
      <c r="G196" s="5" t="s">
        <v>574</v>
      </c>
      <c r="H196" s="6" t="s">
        <v>575</v>
      </c>
      <c r="I196" s="8">
        <v>43740</v>
      </c>
    </row>
    <row r="197" spans="1:9" ht="24" x14ac:dyDescent="0.2">
      <c r="A197" s="4">
        <v>43556</v>
      </c>
      <c r="B197" s="5" t="s">
        <v>9</v>
      </c>
      <c r="C197" s="5" t="s">
        <v>571</v>
      </c>
      <c r="D197" s="6" t="s">
        <v>576</v>
      </c>
      <c r="E197" s="5" t="s">
        <v>577</v>
      </c>
      <c r="F197" s="7">
        <v>1821</v>
      </c>
      <c r="G197" s="5" t="s">
        <v>409</v>
      </c>
      <c r="H197" s="6" t="s">
        <v>410</v>
      </c>
      <c r="I197" s="8">
        <v>43741</v>
      </c>
    </row>
    <row r="198" spans="1:9" ht="24" x14ac:dyDescent="0.2">
      <c r="A198" s="4">
        <v>43556</v>
      </c>
      <c r="B198" s="5" t="s">
        <v>9</v>
      </c>
      <c r="C198" s="5" t="s">
        <v>571</v>
      </c>
      <c r="D198" s="6" t="s">
        <v>578</v>
      </c>
      <c r="E198" s="5" t="s">
        <v>579</v>
      </c>
      <c r="F198" s="7">
        <v>3000</v>
      </c>
      <c r="G198" s="5" t="s">
        <v>1151</v>
      </c>
      <c r="H198" s="6" t="s">
        <v>35</v>
      </c>
      <c r="I198" s="8">
        <v>43763</v>
      </c>
    </row>
    <row r="199" spans="1:9" ht="24" x14ac:dyDescent="0.2">
      <c r="A199" s="4">
        <v>43556</v>
      </c>
      <c r="B199" s="5" t="s">
        <v>9</v>
      </c>
      <c r="C199" s="5" t="s">
        <v>571</v>
      </c>
      <c r="D199" s="6" t="s">
        <v>581</v>
      </c>
      <c r="E199" s="5" t="s">
        <v>582</v>
      </c>
      <c r="F199" s="7">
        <v>19522</v>
      </c>
      <c r="G199" s="5" t="s">
        <v>583</v>
      </c>
      <c r="H199" s="6" t="s">
        <v>584</v>
      </c>
      <c r="I199" s="8">
        <v>43776</v>
      </c>
    </row>
    <row r="200" spans="1:9" ht="24" x14ac:dyDescent="0.2">
      <c r="A200" s="4">
        <v>43556</v>
      </c>
      <c r="B200" s="5" t="s">
        <v>9</v>
      </c>
      <c r="C200" s="5" t="s">
        <v>571</v>
      </c>
      <c r="D200" s="6" t="s">
        <v>585</v>
      </c>
      <c r="E200" s="5" t="s">
        <v>586</v>
      </c>
      <c r="F200" s="7">
        <v>32648</v>
      </c>
      <c r="G200" s="5" t="s">
        <v>13</v>
      </c>
      <c r="H200" s="6" t="s">
        <v>14</v>
      </c>
      <c r="I200" s="8">
        <v>43777</v>
      </c>
    </row>
    <row r="201" spans="1:9" ht="24" x14ac:dyDescent="0.2">
      <c r="A201" s="4">
        <v>43556</v>
      </c>
      <c r="B201" s="5" t="s">
        <v>9</v>
      </c>
      <c r="C201" s="5" t="s">
        <v>571</v>
      </c>
      <c r="D201" s="6" t="s">
        <v>587</v>
      </c>
      <c r="E201" s="5" t="s">
        <v>588</v>
      </c>
      <c r="F201" s="7">
        <v>9345</v>
      </c>
      <c r="G201" s="5" t="s">
        <v>409</v>
      </c>
      <c r="H201" s="6" t="s">
        <v>410</v>
      </c>
      <c r="I201" s="8">
        <v>43788</v>
      </c>
    </row>
    <row r="202" spans="1:9" ht="24" x14ac:dyDescent="0.2">
      <c r="A202" s="4">
        <v>43556</v>
      </c>
      <c r="B202" s="5" t="s">
        <v>9</v>
      </c>
      <c r="C202" s="5" t="s">
        <v>571</v>
      </c>
      <c r="D202" s="6" t="s">
        <v>589</v>
      </c>
      <c r="E202" s="5" t="s">
        <v>590</v>
      </c>
      <c r="F202" s="7">
        <v>3000</v>
      </c>
      <c r="G202" s="5" t="s">
        <v>1151</v>
      </c>
      <c r="H202" s="6" t="s">
        <v>35</v>
      </c>
      <c r="I202" s="8">
        <v>43791</v>
      </c>
    </row>
    <row r="203" spans="1:9" ht="24" x14ac:dyDescent="0.2">
      <c r="A203" s="4">
        <v>43556</v>
      </c>
      <c r="B203" s="5" t="s">
        <v>9</v>
      </c>
      <c r="C203" s="5" t="s">
        <v>571</v>
      </c>
      <c r="D203" s="6" t="s">
        <v>591</v>
      </c>
      <c r="E203" s="5" t="s">
        <v>592</v>
      </c>
      <c r="F203" s="7">
        <v>10000</v>
      </c>
      <c r="G203" s="5" t="s">
        <v>580</v>
      </c>
      <c r="H203" s="6" t="s">
        <v>35</v>
      </c>
      <c r="I203" s="8">
        <v>43805</v>
      </c>
    </row>
    <row r="204" spans="1:9" ht="24" x14ac:dyDescent="0.2">
      <c r="A204" s="4">
        <v>43556</v>
      </c>
      <c r="B204" s="5" t="s">
        <v>9</v>
      </c>
      <c r="C204" s="5" t="s">
        <v>571</v>
      </c>
      <c r="D204" s="6" t="s">
        <v>593</v>
      </c>
      <c r="E204" s="5" t="s">
        <v>594</v>
      </c>
      <c r="F204" s="7">
        <v>800</v>
      </c>
      <c r="G204" s="5" t="s">
        <v>580</v>
      </c>
      <c r="H204" s="6" t="s">
        <v>35</v>
      </c>
      <c r="I204" s="8">
        <v>43810</v>
      </c>
    </row>
    <row r="205" spans="1:9" ht="24" x14ac:dyDescent="0.2">
      <c r="A205" s="4">
        <v>43556</v>
      </c>
      <c r="B205" s="5" t="s">
        <v>9</v>
      </c>
      <c r="C205" s="5" t="s">
        <v>571</v>
      </c>
      <c r="D205" s="6" t="s">
        <v>595</v>
      </c>
      <c r="E205" s="5" t="s">
        <v>596</v>
      </c>
      <c r="F205" s="7">
        <v>10000</v>
      </c>
      <c r="G205" s="5" t="s">
        <v>1151</v>
      </c>
      <c r="H205" s="6" t="s">
        <v>35</v>
      </c>
      <c r="I205" s="8">
        <v>43811</v>
      </c>
    </row>
    <row r="206" spans="1:9" ht="24" x14ac:dyDescent="0.2">
      <c r="A206" s="4">
        <v>43556</v>
      </c>
      <c r="B206" s="5" t="s">
        <v>9</v>
      </c>
      <c r="C206" s="5" t="s">
        <v>571</v>
      </c>
      <c r="D206" s="6" t="s">
        <v>597</v>
      </c>
      <c r="E206" s="5" t="s">
        <v>598</v>
      </c>
      <c r="F206" s="7">
        <v>8273</v>
      </c>
      <c r="G206" s="5" t="s">
        <v>409</v>
      </c>
      <c r="H206" s="6" t="s">
        <v>410</v>
      </c>
      <c r="I206" s="8">
        <v>43812</v>
      </c>
    </row>
    <row r="207" spans="1:9" ht="24" x14ac:dyDescent="0.2">
      <c r="A207" s="4">
        <v>43556</v>
      </c>
      <c r="B207" s="5" t="s">
        <v>9</v>
      </c>
      <c r="C207" s="5" t="s">
        <v>571</v>
      </c>
      <c r="D207" s="6" t="s">
        <v>599</v>
      </c>
      <c r="E207" s="5" t="s">
        <v>600</v>
      </c>
      <c r="F207" s="7">
        <v>1000</v>
      </c>
      <c r="G207" s="5" t="s">
        <v>580</v>
      </c>
      <c r="H207" s="6" t="s">
        <v>35</v>
      </c>
      <c r="I207" s="8">
        <v>43812</v>
      </c>
    </row>
    <row r="208" spans="1:9" ht="24" x14ac:dyDescent="0.2">
      <c r="A208" s="4">
        <v>43556</v>
      </c>
      <c r="B208" s="5" t="s">
        <v>9</v>
      </c>
      <c r="C208" s="5" t="s">
        <v>571</v>
      </c>
      <c r="D208" s="6" t="s">
        <v>601</v>
      </c>
      <c r="E208" s="5" t="s">
        <v>602</v>
      </c>
      <c r="F208" s="7">
        <v>23173</v>
      </c>
      <c r="G208" s="5" t="s">
        <v>583</v>
      </c>
      <c r="H208" s="6" t="s">
        <v>584</v>
      </c>
      <c r="I208" s="8">
        <v>43815</v>
      </c>
    </row>
    <row r="209" spans="1:9" ht="24" x14ac:dyDescent="0.2">
      <c r="A209" s="4">
        <v>43556</v>
      </c>
      <c r="B209" s="5" t="s">
        <v>9</v>
      </c>
      <c r="C209" s="5" t="s">
        <v>571</v>
      </c>
      <c r="D209" s="6" t="s">
        <v>603</v>
      </c>
      <c r="E209" s="5" t="s">
        <v>604</v>
      </c>
      <c r="F209" s="7">
        <v>12544</v>
      </c>
      <c r="G209" s="5" t="s">
        <v>605</v>
      </c>
      <c r="H209" s="6" t="s">
        <v>606</v>
      </c>
      <c r="I209" s="8">
        <v>43816</v>
      </c>
    </row>
    <row r="210" spans="1:9" ht="24" x14ac:dyDescent="0.2">
      <c r="A210" s="4">
        <v>43556</v>
      </c>
      <c r="B210" s="5" t="s">
        <v>9</v>
      </c>
      <c r="C210" s="5" t="s">
        <v>571</v>
      </c>
      <c r="D210" s="6" t="s">
        <v>607</v>
      </c>
      <c r="E210" s="5" t="s">
        <v>608</v>
      </c>
      <c r="F210" s="7">
        <v>3000</v>
      </c>
      <c r="G210" s="5" t="s">
        <v>580</v>
      </c>
      <c r="H210" s="6" t="s">
        <v>35</v>
      </c>
      <c r="I210" s="8">
        <v>43823</v>
      </c>
    </row>
    <row r="211" spans="1:9" ht="24" x14ac:dyDescent="0.2">
      <c r="A211" s="4">
        <v>43556</v>
      </c>
      <c r="B211" s="5" t="s">
        <v>9</v>
      </c>
      <c r="C211" s="5" t="s">
        <v>571</v>
      </c>
      <c r="D211" s="6" t="s">
        <v>609</v>
      </c>
      <c r="E211" s="5" t="s">
        <v>610</v>
      </c>
      <c r="F211" s="7">
        <v>3520</v>
      </c>
      <c r="G211" s="5" t="s">
        <v>574</v>
      </c>
      <c r="H211" s="6" t="s">
        <v>575</v>
      </c>
      <c r="I211" s="8">
        <v>43824</v>
      </c>
    </row>
    <row r="212" spans="1:9" ht="24" x14ac:dyDescent="0.2">
      <c r="A212" s="4">
        <v>43556</v>
      </c>
      <c r="B212" s="5" t="s">
        <v>9</v>
      </c>
      <c r="C212" s="5" t="s">
        <v>571</v>
      </c>
      <c r="D212" s="6" t="s">
        <v>611</v>
      </c>
      <c r="E212" s="5" t="s">
        <v>612</v>
      </c>
      <c r="F212" s="7">
        <v>5825</v>
      </c>
      <c r="G212" s="5" t="s">
        <v>409</v>
      </c>
      <c r="H212" s="6" t="s">
        <v>410</v>
      </c>
      <c r="I212" s="8">
        <v>43825</v>
      </c>
    </row>
    <row r="213" spans="1:9" ht="24" x14ac:dyDescent="0.2">
      <c r="A213" s="4">
        <v>43556</v>
      </c>
      <c r="B213" s="5" t="s">
        <v>9</v>
      </c>
      <c r="C213" s="5" t="s">
        <v>571</v>
      </c>
      <c r="D213" s="6" t="s">
        <v>613</v>
      </c>
      <c r="E213" s="5" t="s">
        <v>614</v>
      </c>
      <c r="F213" s="7">
        <v>13090</v>
      </c>
      <c r="G213" s="5" t="s">
        <v>583</v>
      </c>
      <c r="H213" s="6" t="s">
        <v>584</v>
      </c>
      <c r="I213" s="8">
        <v>43826</v>
      </c>
    </row>
    <row r="214" spans="1:9" ht="24" x14ac:dyDescent="0.2">
      <c r="A214" s="4">
        <v>43556</v>
      </c>
      <c r="B214" s="5" t="s">
        <v>9</v>
      </c>
      <c r="C214" s="5" t="s">
        <v>615</v>
      </c>
      <c r="D214" s="6" t="s">
        <v>616</v>
      </c>
      <c r="E214" s="5" t="s">
        <v>617</v>
      </c>
      <c r="F214" s="7">
        <v>33000</v>
      </c>
      <c r="G214" s="5" t="s">
        <v>618</v>
      </c>
      <c r="H214" s="6" t="s">
        <v>619</v>
      </c>
      <c r="I214" s="8">
        <v>43756</v>
      </c>
    </row>
    <row r="215" spans="1:9" ht="24" x14ac:dyDescent="0.2">
      <c r="A215" s="4">
        <v>43556</v>
      </c>
      <c r="B215" s="5" t="s">
        <v>9</v>
      </c>
      <c r="C215" s="5" t="s">
        <v>615</v>
      </c>
      <c r="D215" s="6" t="s">
        <v>620</v>
      </c>
      <c r="E215" s="5" t="s">
        <v>621</v>
      </c>
      <c r="F215" s="7">
        <v>20000</v>
      </c>
      <c r="G215" s="5" t="s">
        <v>622</v>
      </c>
      <c r="H215" s="6" t="s">
        <v>35</v>
      </c>
      <c r="I215" s="8">
        <v>43763</v>
      </c>
    </row>
    <row r="216" spans="1:9" ht="24" x14ac:dyDescent="0.2">
      <c r="A216" s="4">
        <v>43556</v>
      </c>
      <c r="B216" s="5" t="s">
        <v>9</v>
      </c>
      <c r="C216" s="5" t="s">
        <v>615</v>
      </c>
      <c r="D216" s="6" t="s">
        <v>623</v>
      </c>
      <c r="E216" s="5" t="s">
        <v>624</v>
      </c>
      <c r="F216" s="7">
        <v>25023</v>
      </c>
      <c r="G216" s="5" t="s">
        <v>625</v>
      </c>
      <c r="H216" s="6" t="s">
        <v>626</v>
      </c>
      <c r="I216" s="8">
        <v>43774</v>
      </c>
    </row>
    <row r="217" spans="1:9" ht="24" x14ac:dyDescent="0.2">
      <c r="A217" s="4">
        <v>43556</v>
      </c>
      <c r="B217" s="5" t="s">
        <v>9</v>
      </c>
      <c r="C217" s="5" t="s">
        <v>615</v>
      </c>
      <c r="D217" s="6" t="s">
        <v>627</v>
      </c>
      <c r="E217" s="5" t="s">
        <v>628</v>
      </c>
      <c r="F217" s="7">
        <v>20000</v>
      </c>
      <c r="G217" s="5" t="s">
        <v>622</v>
      </c>
      <c r="H217" s="6" t="s">
        <v>35</v>
      </c>
      <c r="I217" s="8">
        <v>43794</v>
      </c>
    </row>
    <row r="218" spans="1:9" ht="24" x14ac:dyDescent="0.2">
      <c r="A218" s="4">
        <v>43556</v>
      </c>
      <c r="B218" s="5" t="s">
        <v>9</v>
      </c>
      <c r="C218" s="5" t="s">
        <v>615</v>
      </c>
      <c r="D218" s="6" t="s">
        <v>629</v>
      </c>
      <c r="E218" s="5" t="s">
        <v>630</v>
      </c>
      <c r="F218" s="7">
        <v>47300</v>
      </c>
      <c r="G218" s="5" t="s">
        <v>631</v>
      </c>
      <c r="H218" s="6" t="s">
        <v>632</v>
      </c>
      <c r="I218" s="8">
        <v>43794</v>
      </c>
    </row>
    <row r="219" spans="1:9" ht="24" x14ac:dyDescent="0.2">
      <c r="A219" s="4">
        <v>43556</v>
      </c>
      <c r="B219" s="5" t="s">
        <v>9</v>
      </c>
      <c r="C219" s="5" t="s">
        <v>615</v>
      </c>
      <c r="D219" s="6" t="s">
        <v>633</v>
      </c>
      <c r="E219" s="5" t="s">
        <v>634</v>
      </c>
      <c r="F219" s="7">
        <v>17044</v>
      </c>
      <c r="G219" s="5" t="s">
        <v>635</v>
      </c>
      <c r="H219" s="6" t="s">
        <v>636</v>
      </c>
      <c r="I219" s="8">
        <v>43802</v>
      </c>
    </row>
    <row r="220" spans="1:9" ht="24" x14ac:dyDescent="0.2">
      <c r="A220" s="4">
        <v>43556</v>
      </c>
      <c r="B220" s="5" t="s">
        <v>9</v>
      </c>
      <c r="C220" s="5" t="s">
        <v>615</v>
      </c>
      <c r="D220" s="6" t="s">
        <v>637</v>
      </c>
      <c r="E220" s="5" t="s">
        <v>346</v>
      </c>
      <c r="F220" s="7">
        <v>122067</v>
      </c>
      <c r="G220" s="5" t="s">
        <v>635</v>
      </c>
      <c r="H220" s="6" t="s">
        <v>636</v>
      </c>
      <c r="I220" s="8">
        <v>43802</v>
      </c>
    </row>
    <row r="221" spans="1:9" ht="24" x14ac:dyDescent="0.2">
      <c r="A221" s="4">
        <v>43556</v>
      </c>
      <c r="B221" s="5" t="s">
        <v>9</v>
      </c>
      <c r="C221" s="5" t="s">
        <v>615</v>
      </c>
      <c r="D221" s="6" t="s">
        <v>638</v>
      </c>
      <c r="E221" s="5" t="s">
        <v>639</v>
      </c>
      <c r="F221" s="7">
        <v>4950</v>
      </c>
      <c r="G221" s="5" t="s">
        <v>640</v>
      </c>
      <c r="H221" s="6" t="s">
        <v>641</v>
      </c>
      <c r="I221" s="8">
        <v>43816</v>
      </c>
    </row>
    <row r="222" spans="1:9" ht="24" x14ac:dyDescent="0.2">
      <c r="A222" s="4">
        <v>43556</v>
      </c>
      <c r="B222" s="5" t="s">
        <v>9</v>
      </c>
      <c r="C222" s="5" t="s">
        <v>615</v>
      </c>
      <c r="D222" s="6" t="s">
        <v>642</v>
      </c>
      <c r="E222" s="5" t="s">
        <v>643</v>
      </c>
      <c r="F222" s="7">
        <v>20000</v>
      </c>
      <c r="G222" s="5" t="s">
        <v>622</v>
      </c>
      <c r="H222" s="6" t="s">
        <v>35</v>
      </c>
      <c r="I222" s="8">
        <v>43819</v>
      </c>
    </row>
    <row r="223" spans="1:9" ht="24" x14ac:dyDescent="0.2">
      <c r="A223" s="4">
        <v>43556</v>
      </c>
      <c r="B223" s="5" t="s">
        <v>9</v>
      </c>
      <c r="C223" s="5" t="s">
        <v>644</v>
      </c>
      <c r="D223" s="6" t="s">
        <v>645</v>
      </c>
      <c r="E223" s="5" t="s">
        <v>646</v>
      </c>
      <c r="F223" s="7">
        <v>2000</v>
      </c>
      <c r="G223" s="5" t="s">
        <v>647</v>
      </c>
      <c r="H223" s="6" t="s">
        <v>648</v>
      </c>
      <c r="I223" s="8">
        <v>43748</v>
      </c>
    </row>
    <row r="224" spans="1:9" ht="24" x14ac:dyDescent="0.2">
      <c r="A224" s="4">
        <v>43556</v>
      </c>
      <c r="B224" s="5" t="s">
        <v>9</v>
      </c>
      <c r="C224" s="5" t="s">
        <v>644</v>
      </c>
      <c r="D224" s="6" t="s">
        <v>649</v>
      </c>
      <c r="E224" s="5" t="s">
        <v>650</v>
      </c>
      <c r="F224" s="7">
        <v>28996</v>
      </c>
      <c r="G224" s="5" t="s">
        <v>651</v>
      </c>
      <c r="H224" s="6" t="s">
        <v>652</v>
      </c>
      <c r="I224" s="8">
        <v>43748</v>
      </c>
    </row>
    <row r="225" spans="1:9" ht="24" x14ac:dyDescent="0.2">
      <c r="A225" s="4">
        <v>43556</v>
      </c>
      <c r="B225" s="5" t="s">
        <v>9</v>
      </c>
      <c r="C225" s="5" t="s">
        <v>644</v>
      </c>
      <c r="D225" s="6" t="s">
        <v>653</v>
      </c>
      <c r="E225" s="5" t="s">
        <v>654</v>
      </c>
      <c r="F225" s="7">
        <v>5549</v>
      </c>
      <c r="G225" s="5" t="s">
        <v>655</v>
      </c>
      <c r="H225" s="6" t="s">
        <v>656</v>
      </c>
      <c r="I225" s="8">
        <v>43755</v>
      </c>
    </row>
    <row r="226" spans="1:9" ht="24" x14ac:dyDescent="0.2">
      <c r="A226" s="4">
        <v>43556</v>
      </c>
      <c r="B226" s="5" t="s">
        <v>9</v>
      </c>
      <c r="C226" s="5" t="s">
        <v>644</v>
      </c>
      <c r="D226" s="6" t="s">
        <v>657</v>
      </c>
      <c r="E226" s="5" t="s">
        <v>658</v>
      </c>
      <c r="F226" s="7">
        <v>63113</v>
      </c>
      <c r="G226" s="5" t="s">
        <v>659</v>
      </c>
      <c r="H226" s="6" t="s">
        <v>660</v>
      </c>
      <c r="I226" s="8">
        <v>43795</v>
      </c>
    </row>
    <row r="227" spans="1:9" ht="24" x14ac:dyDescent="0.2">
      <c r="A227" s="4">
        <v>43556</v>
      </c>
      <c r="B227" s="5" t="s">
        <v>9</v>
      </c>
      <c r="C227" s="5" t="s">
        <v>644</v>
      </c>
      <c r="D227" s="6" t="s">
        <v>661</v>
      </c>
      <c r="E227" s="5" t="s">
        <v>662</v>
      </c>
      <c r="F227" s="7">
        <v>3300</v>
      </c>
      <c r="G227" s="5" t="s">
        <v>663</v>
      </c>
      <c r="H227" s="6" t="s">
        <v>664</v>
      </c>
      <c r="I227" s="8">
        <v>43795</v>
      </c>
    </row>
    <row r="228" spans="1:9" ht="24" x14ac:dyDescent="0.2">
      <c r="A228" s="4">
        <v>43556</v>
      </c>
      <c r="B228" s="5" t="s">
        <v>9</v>
      </c>
      <c r="C228" s="5" t="s">
        <v>665</v>
      </c>
      <c r="D228" s="6" t="s">
        <v>666</v>
      </c>
      <c r="E228" s="5" t="s">
        <v>667</v>
      </c>
      <c r="F228" s="7">
        <v>49426</v>
      </c>
      <c r="G228" s="5" t="s">
        <v>668</v>
      </c>
      <c r="H228" s="6" t="s">
        <v>669</v>
      </c>
      <c r="I228" s="8">
        <v>43740</v>
      </c>
    </row>
    <row r="229" spans="1:9" ht="24" x14ac:dyDescent="0.2">
      <c r="A229" s="4">
        <v>43556</v>
      </c>
      <c r="B229" s="5" t="s">
        <v>9</v>
      </c>
      <c r="C229" s="5" t="s">
        <v>665</v>
      </c>
      <c r="D229" s="6" t="s">
        <v>670</v>
      </c>
      <c r="E229" s="5" t="s">
        <v>671</v>
      </c>
      <c r="F229" s="7">
        <v>19349</v>
      </c>
      <c r="G229" s="5" t="s">
        <v>672</v>
      </c>
      <c r="H229" s="6" t="s">
        <v>673</v>
      </c>
      <c r="I229" s="8">
        <v>43746</v>
      </c>
    </row>
    <row r="230" spans="1:9" ht="24" x14ac:dyDescent="0.2">
      <c r="A230" s="4">
        <v>43556</v>
      </c>
      <c r="B230" s="5" t="s">
        <v>9</v>
      </c>
      <c r="C230" s="5" t="s">
        <v>665</v>
      </c>
      <c r="D230" s="6" t="s">
        <v>674</v>
      </c>
      <c r="E230" s="5" t="s">
        <v>675</v>
      </c>
      <c r="F230" s="7">
        <v>72600</v>
      </c>
      <c r="G230" s="5" t="s">
        <v>676</v>
      </c>
      <c r="H230" s="6" t="s">
        <v>677</v>
      </c>
      <c r="I230" s="8">
        <v>43755</v>
      </c>
    </row>
    <row r="231" spans="1:9" ht="24" x14ac:dyDescent="0.2">
      <c r="A231" s="4">
        <v>43556</v>
      </c>
      <c r="B231" s="5" t="s">
        <v>9</v>
      </c>
      <c r="C231" s="5" t="s">
        <v>665</v>
      </c>
      <c r="D231" s="6" t="s">
        <v>678</v>
      </c>
      <c r="E231" s="5" t="s">
        <v>679</v>
      </c>
      <c r="F231" s="7">
        <v>166419</v>
      </c>
      <c r="G231" s="5" t="s">
        <v>680</v>
      </c>
      <c r="H231" s="6" t="s">
        <v>681</v>
      </c>
      <c r="I231" s="8">
        <v>43756</v>
      </c>
    </row>
    <row r="232" spans="1:9" ht="24" x14ac:dyDescent="0.2">
      <c r="A232" s="4">
        <v>43556</v>
      </c>
      <c r="B232" s="5" t="s">
        <v>9</v>
      </c>
      <c r="C232" s="5" t="s">
        <v>665</v>
      </c>
      <c r="D232" s="6" t="s">
        <v>682</v>
      </c>
      <c r="E232" s="5" t="s">
        <v>683</v>
      </c>
      <c r="F232" s="7">
        <v>6600</v>
      </c>
      <c r="G232" s="5" t="s">
        <v>672</v>
      </c>
      <c r="H232" s="6" t="s">
        <v>673</v>
      </c>
      <c r="I232" s="8">
        <v>43774</v>
      </c>
    </row>
    <row r="233" spans="1:9" ht="24" x14ac:dyDescent="0.2">
      <c r="A233" s="4">
        <v>43556</v>
      </c>
      <c r="B233" s="5" t="s">
        <v>9</v>
      </c>
      <c r="C233" s="5" t="s">
        <v>665</v>
      </c>
      <c r="D233" s="6" t="s">
        <v>684</v>
      </c>
      <c r="E233" s="5" t="s">
        <v>685</v>
      </c>
      <c r="F233" s="7">
        <v>92097</v>
      </c>
      <c r="G233" s="5" t="s">
        <v>686</v>
      </c>
      <c r="H233" s="6" t="s">
        <v>687</v>
      </c>
      <c r="I233" s="8">
        <v>43777</v>
      </c>
    </row>
    <row r="234" spans="1:9" ht="24" x14ac:dyDescent="0.2">
      <c r="A234" s="4">
        <v>43556</v>
      </c>
      <c r="B234" s="5" t="s">
        <v>9</v>
      </c>
      <c r="C234" s="5" t="s">
        <v>665</v>
      </c>
      <c r="D234" s="6" t="s">
        <v>688</v>
      </c>
      <c r="E234" s="5" t="s">
        <v>689</v>
      </c>
      <c r="F234" s="7">
        <v>31108</v>
      </c>
      <c r="G234" s="5" t="s">
        <v>680</v>
      </c>
      <c r="H234" s="6" t="s">
        <v>681</v>
      </c>
      <c r="I234" s="8">
        <v>43777</v>
      </c>
    </row>
    <row r="235" spans="1:9" ht="24" x14ac:dyDescent="0.2">
      <c r="A235" s="4">
        <v>43556</v>
      </c>
      <c r="B235" s="5" t="s">
        <v>9</v>
      </c>
      <c r="C235" s="5" t="s">
        <v>665</v>
      </c>
      <c r="D235" s="6" t="s">
        <v>690</v>
      </c>
      <c r="E235" s="5" t="s">
        <v>551</v>
      </c>
      <c r="F235" s="7">
        <v>4000</v>
      </c>
      <c r="G235" s="5" t="s">
        <v>1152</v>
      </c>
      <c r="H235" s="6" t="s">
        <v>35</v>
      </c>
      <c r="I235" s="8">
        <v>43777</v>
      </c>
    </row>
    <row r="236" spans="1:9" ht="24" x14ac:dyDescent="0.2">
      <c r="A236" s="4">
        <v>43556</v>
      </c>
      <c r="B236" s="5" t="s">
        <v>9</v>
      </c>
      <c r="C236" s="5" t="s">
        <v>665</v>
      </c>
      <c r="D236" s="6" t="s">
        <v>692</v>
      </c>
      <c r="E236" s="5" t="s">
        <v>693</v>
      </c>
      <c r="F236" s="7">
        <v>21780</v>
      </c>
      <c r="G236" s="5" t="s">
        <v>672</v>
      </c>
      <c r="H236" s="6" t="s">
        <v>673</v>
      </c>
      <c r="I236" s="8">
        <v>43797</v>
      </c>
    </row>
    <row r="237" spans="1:9" ht="24" x14ac:dyDescent="0.2">
      <c r="A237" s="4">
        <v>43556</v>
      </c>
      <c r="B237" s="5" t="s">
        <v>9</v>
      </c>
      <c r="C237" s="5" t="s">
        <v>665</v>
      </c>
      <c r="D237" s="6" t="s">
        <v>694</v>
      </c>
      <c r="E237" s="5" t="s">
        <v>695</v>
      </c>
      <c r="F237" s="7">
        <v>33000</v>
      </c>
      <c r="G237" s="5" t="s">
        <v>691</v>
      </c>
      <c r="H237" s="6" t="s">
        <v>35</v>
      </c>
      <c r="I237" s="8">
        <v>43798</v>
      </c>
    </row>
    <row r="238" spans="1:9" ht="24" x14ac:dyDescent="0.2">
      <c r="A238" s="4">
        <v>43556</v>
      </c>
      <c r="B238" s="5" t="s">
        <v>9</v>
      </c>
      <c r="C238" s="5" t="s">
        <v>696</v>
      </c>
      <c r="D238" s="6" t="s">
        <v>697</v>
      </c>
      <c r="E238" s="5" t="s">
        <v>698</v>
      </c>
      <c r="F238" s="7">
        <v>49252</v>
      </c>
      <c r="G238" s="5" t="s">
        <v>699</v>
      </c>
      <c r="H238" s="6" t="s">
        <v>700</v>
      </c>
      <c r="I238" s="8">
        <v>43739</v>
      </c>
    </row>
    <row r="239" spans="1:9" ht="24" x14ac:dyDescent="0.2">
      <c r="A239" s="4">
        <v>43556</v>
      </c>
      <c r="B239" s="5" t="s">
        <v>9</v>
      </c>
      <c r="C239" s="5" t="s">
        <v>696</v>
      </c>
      <c r="D239" s="6" t="s">
        <v>701</v>
      </c>
      <c r="E239" s="5" t="s">
        <v>702</v>
      </c>
      <c r="F239" s="7">
        <v>30800</v>
      </c>
      <c r="G239" s="5" t="s">
        <v>703</v>
      </c>
      <c r="H239" s="6" t="s">
        <v>445</v>
      </c>
      <c r="I239" s="8">
        <v>43748</v>
      </c>
    </row>
    <row r="240" spans="1:9" ht="24" x14ac:dyDescent="0.2">
      <c r="A240" s="4">
        <v>43556</v>
      </c>
      <c r="B240" s="5" t="s">
        <v>9</v>
      </c>
      <c r="C240" s="5" t="s">
        <v>696</v>
      </c>
      <c r="D240" s="6" t="s">
        <v>704</v>
      </c>
      <c r="E240" s="5" t="s">
        <v>705</v>
      </c>
      <c r="F240" s="7">
        <v>32395</v>
      </c>
      <c r="G240" s="5" t="s">
        <v>706</v>
      </c>
      <c r="H240" s="6" t="s">
        <v>505</v>
      </c>
      <c r="I240" s="8">
        <v>43761</v>
      </c>
    </row>
    <row r="241" spans="1:9" ht="24" x14ac:dyDescent="0.2">
      <c r="A241" s="4">
        <v>43556</v>
      </c>
      <c r="B241" s="5" t="s">
        <v>9</v>
      </c>
      <c r="C241" s="5" t="s">
        <v>696</v>
      </c>
      <c r="D241" s="6" t="s">
        <v>707</v>
      </c>
      <c r="E241" s="5" t="s">
        <v>708</v>
      </c>
      <c r="F241" s="7">
        <v>43748</v>
      </c>
      <c r="G241" s="5" t="s">
        <v>13</v>
      </c>
      <c r="H241" s="6" t="s">
        <v>14</v>
      </c>
      <c r="I241" s="8">
        <v>43761</v>
      </c>
    </row>
    <row r="242" spans="1:9" ht="24" x14ac:dyDescent="0.2">
      <c r="A242" s="4">
        <v>43556</v>
      </c>
      <c r="B242" s="5" t="s">
        <v>9</v>
      </c>
      <c r="C242" s="5" t="s">
        <v>696</v>
      </c>
      <c r="D242" s="6" t="s">
        <v>709</v>
      </c>
      <c r="E242" s="5" t="s">
        <v>710</v>
      </c>
      <c r="F242" s="7">
        <v>23100</v>
      </c>
      <c r="G242" s="5" t="s">
        <v>13</v>
      </c>
      <c r="H242" s="6" t="s">
        <v>14</v>
      </c>
      <c r="I242" s="8">
        <v>43780</v>
      </c>
    </row>
    <row r="243" spans="1:9" ht="24" x14ac:dyDescent="0.2">
      <c r="A243" s="4">
        <v>43556</v>
      </c>
      <c r="B243" s="5" t="s">
        <v>9</v>
      </c>
      <c r="C243" s="5" t="s">
        <v>696</v>
      </c>
      <c r="D243" s="6" t="s">
        <v>711</v>
      </c>
      <c r="E243" s="5" t="s">
        <v>712</v>
      </c>
      <c r="F243" s="7">
        <v>44077</v>
      </c>
      <c r="G243" s="5" t="s">
        <v>703</v>
      </c>
      <c r="H243" s="6" t="s">
        <v>445</v>
      </c>
      <c r="I243" s="8">
        <v>43787</v>
      </c>
    </row>
    <row r="244" spans="1:9" ht="24" x14ac:dyDescent="0.2">
      <c r="A244" s="4">
        <v>43556</v>
      </c>
      <c r="B244" s="5" t="s">
        <v>9</v>
      </c>
      <c r="C244" s="5" t="s">
        <v>696</v>
      </c>
      <c r="D244" s="6" t="s">
        <v>713</v>
      </c>
      <c r="E244" s="5" t="s">
        <v>714</v>
      </c>
      <c r="F244" s="7">
        <v>47924</v>
      </c>
      <c r="G244" s="5" t="s">
        <v>715</v>
      </c>
      <c r="H244" s="6" t="s">
        <v>420</v>
      </c>
      <c r="I244" s="8">
        <v>43791</v>
      </c>
    </row>
    <row r="245" spans="1:9" ht="24" x14ac:dyDescent="0.2">
      <c r="A245" s="4">
        <v>43556</v>
      </c>
      <c r="B245" s="5" t="s">
        <v>9</v>
      </c>
      <c r="C245" s="5" t="s">
        <v>696</v>
      </c>
      <c r="D245" s="6" t="s">
        <v>716</v>
      </c>
      <c r="E245" s="5" t="s">
        <v>365</v>
      </c>
      <c r="F245" s="7">
        <v>18975</v>
      </c>
      <c r="G245" s="5" t="s">
        <v>194</v>
      </c>
      <c r="H245" s="6" t="s">
        <v>103</v>
      </c>
      <c r="I245" s="8">
        <v>43802</v>
      </c>
    </row>
    <row r="246" spans="1:9" ht="24" x14ac:dyDescent="0.2">
      <c r="A246" s="4">
        <v>43556</v>
      </c>
      <c r="B246" s="5" t="s">
        <v>9</v>
      </c>
      <c r="C246" s="5" t="s">
        <v>696</v>
      </c>
      <c r="D246" s="6" t="s">
        <v>717</v>
      </c>
      <c r="E246" s="5" t="s">
        <v>718</v>
      </c>
      <c r="F246" s="7">
        <v>45625</v>
      </c>
      <c r="G246" s="5" t="s">
        <v>719</v>
      </c>
      <c r="H246" s="6" t="s">
        <v>720</v>
      </c>
      <c r="I246" s="8">
        <v>43803</v>
      </c>
    </row>
    <row r="247" spans="1:9" ht="24" x14ac:dyDescent="0.2">
      <c r="A247" s="4">
        <v>43556</v>
      </c>
      <c r="B247" s="5" t="s">
        <v>9</v>
      </c>
      <c r="C247" s="5" t="s">
        <v>696</v>
      </c>
      <c r="D247" s="6" t="s">
        <v>721</v>
      </c>
      <c r="E247" s="5" t="s">
        <v>722</v>
      </c>
      <c r="F247" s="7">
        <v>41157</v>
      </c>
      <c r="G247" s="5" t="s">
        <v>723</v>
      </c>
      <c r="H247" s="6" t="s">
        <v>724</v>
      </c>
      <c r="I247" s="8">
        <v>43808</v>
      </c>
    </row>
    <row r="248" spans="1:9" ht="24" x14ac:dyDescent="0.2">
      <c r="A248" s="4">
        <v>43556</v>
      </c>
      <c r="B248" s="5" t="s">
        <v>9</v>
      </c>
      <c r="C248" s="5" t="s">
        <v>696</v>
      </c>
      <c r="D248" s="6" t="s">
        <v>725</v>
      </c>
      <c r="E248" s="5" t="s">
        <v>726</v>
      </c>
      <c r="F248" s="7">
        <v>40337</v>
      </c>
      <c r="G248" s="5" t="s">
        <v>409</v>
      </c>
      <c r="H248" s="6" t="s">
        <v>410</v>
      </c>
      <c r="I248" s="8">
        <v>43808</v>
      </c>
    </row>
    <row r="249" spans="1:9" ht="24" x14ac:dyDescent="0.2">
      <c r="A249" s="4">
        <v>43556</v>
      </c>
      <c r="B249" s="5" t="s">
        <v>9</v>
      </c>
      <c r="C249" s="5" t="s">
        <v>696</v>
      </c>
      <c r="D249" s="6" t="s">
        <v>727</v>
      </c>
      <c r="E249" s="5" t="s">
        <v>728</v>
      </c>
      <c r="F249" s="7">
        <v>48620</v>
      </c>
      <c r="G249" s="5" t="s">
        <v>205</v>
      </c>
      <c r="H249" s="6" t="s">
        <v>206</v>
      </c>
      <c r="I249" s="8">
        <v>43808</v>
      </c>
    </row>
    <row r="250" spans="1:9" ht="24" x14ac:dyDescent="0.2">
      <c r="A250" s="4">
        <v>43556</v>
      </c>
      <c r="B250" s="5" t="s">
        <v>9</v>
      </c>
      <c r="C250" s="5" t="s">
        <v>696</v>
      </c>
      <c r="D250" s="6" t="s">
        <v>729</v>
      </c>
      <c r="E250" s="5" t="s">
        <v>730</v>
      </c>
      <c r="F250" s="7">
        <v>7920</v>
      </c>
      <c r="G250" s="5" t="s">
        <v>349</v>
      </c>
      <c r="H250" s="6" t="s">
        <v>35</v>
      </c>
      <c r="I250" s="8">
        <v>43811</v>
      </c>
    </row>
    <row r="251" spans="1:9" ht="24" x14ac:dyDescent="0.2">
      <c r="A251" s="4">
        <v>43556</v>
      </c>
      <c r="B251" s="5" t="s">
        <v>9</v>
      </c>
      <c r="C251" s="5" t="s">
        <v>696</v>
      </c>
      <c r="D251" s="6" t="s">
        <v>731</v>
      </c>
      <c r="E251" s="5" t="s">
        <v>732</v>
      </c>
      <c r="F251" s="7">
        <v>30000</v>
      </c>
      <c r="G251" s="5" t="s">
        <v>733</v>
      </c>
      <c r="H251" s="6" t="s">
        <v>35</v>
      </c>
      <c r="I251" s="8">
        <v>43824</v>
      </c>
    </row>
    <row r="252" spans="1:9" ht="24" x14ac:dyDescent="0.2">
      <c r="A252" s="4">
        <v>43556</v>
      </c>
      <c r="B252" s="5" t="s">
        <v>9</v>
      </c>
      <c r="C252" s="5" t="s">
        <v>696</v>
      </c>
      <c r="D252" s="6" t="s">
        <v>734</v>
      </c>
      <c r="E252" s="5" t="s">
        <v>735</v>
      </c>
      <c r="F252" s="7">
        <v>49874</v>
      </c>
      <c r="G252" s="5" t="s">
        <v>349</v>
      </c>
      <c r="H252" s="6" t="s">
        <v>35</v>
      </c>
      <c r="I252" s="8">
        <v>43826</v>
      </c>
    </row>
    <row r="253" spans="1:9" ht="24" x14ac:dyDescent="0.2">
      <c r="A253" s="4">
        <v>43556</v>
      </c>
      <c r="B253" s="5" t="s">
        <v>9</v>
      </c>
      <c r="C253" s="5" t="s">
        <v>696</v>
      </c>
      <c r="D253" s="6" t="s">
        <v>736</v>
      </c>
      <c r="E253" s="5" t="s">
        <v>737</v>
      </c>
      <c r="F253" s="7">
        <v>45584</v>
      </c>
      <c r="G253" s="5" t="s">
        <v>738</v>
      </c>
      <c r="H253" s="6" t="s">
        <v>739</v>
      </c>
      <c r="I253" s="8">
        <v>43826</v>
      </c>
    </row>
    <row r="254" spans="1:9" ht="24" x14ac:dyDescent="0.2">
      <c r="A254" s="4">
        <v>43556</v>
      </c>
      <c r="B254" s="5" t="s">
        <v>9</v>
      </c>
      <c r="C254" s="5" t="s">
        <v>740</v>
      </c>
      <c r="D254" s="6" t="s">
        <v>741</v>
      </c>
      <c r="E254" s="5" t="s">
        <v>742</v>
      </c>
      <c r="F254" s="7">
        <v>42728</v>
      </c>
      <c r="G254" s="5" t="s">
        <v>510</v>
      </c>
      <c r="H254" s="6" t="s">
        <v>511</v>
      </c>
      <c r="I254" s="8">
        <v>43740</v>
      </c>
    </row>
    <row r="255" spans="1:9" ht="24" x14ac:dyDescent="0.2">
      <c r="A255" s="4">
        <v>43556</v>
      </c>
      <c r="B255" s="5" t="s">
        <v>9</v>
      </c>
      <c r="C255" s="5" t="s">
        <v>740</v>
      </c>
      <c r="D255" s="6" t="s">
        <v>743</v>
      </c>
      <c r="E255" s="5" t="s">
        <v>744</v>
      </c>
      <c r="F255" s="7">
        <v>4752</v>
      </c>
      <c r="G255" s="5" t="s">
        <v>745</v>
      </c>
      <c r="H255" s="6" t="s">
        <v>35</v>
      </c>
      <c r="I255" s="8">
        <v>43741</v>
      </c>
    </row>
    <row r="256" spans="1:9" ht="24" x14ac:dyDescent="0.2">
      <c r="A256" s="4">
        <v>43556</v>
      </c>
      <c r="B256" s="5" t="s">
        <v>9</v>
      </c>
      <c r="C256" s="5" t="s">
        <v>740</v>
      </c>
      <c r="D256" s="6" t="s">
        <v>746</v>
      </c>
      <c r="E256" s="5" t="s">
        <v>747</v>
      </c>
      <c r="F256" s="7">
        <v>20584</v>
      </c>
      <c r="G256" s="5" t="s">
        <v>706</v>
      </c>
      <c r="H256" s="6" t="s">
        <v>505</v>
      </c>
      <c r="I256" s="8">
        <v>43742</v>
      </c>
    </row>
    <row r="257" spans="1:9" ht="24" x14ac:dyDescent="0.2">
      <c r="A257" s="4">
        <v>43556</v>
      </c>
      <c r="B257" s="5" t="s">
        <v>9</v>
      </c>
      <c r="C257" s="5" t="s">
        <v>740</v>
      </c>
      <c r="D257" s="6" t="s">
        <v>748</v>
      </c>
      <c r="E257" s="5" t="s">
        <v>749</v>
      </c>
      <c r="F257" s="7">
        <v>41695</v>
      </c>
      <c r="G257" s="5" t="s">
        <v>750</v>
      </c>
      <c r="H257" s="6" t="s">
        <v>751</v>
      </c>
      <c r="I257" s="8">
        <v>43745</v>
      </c>
    </row>
    <row r="258" spans="1:9" ht="24" x14ac:dyDescent="0.2">
      <c r="A258" s="4">
        <v>43556</v>
      </c>
      <c r="B258" s="5" t="s">
        <v>9</v>
      </c>
      <c r="C258" s="5" t="s">
        <v>740</v>
      </c>
      <c r="D258" s="6" t="s">
        <v>752</v>
      </c>
      <c r="E258" s="5" t="s">
        <v>753</v>
      </c>
      <c r="F258" s="7">
        <v>46420</v>
      </c>
      <c r="G258" s="5" t="s">
        <v>754</v>
      </c>
      <c r="H258" s="6" t="s">
        <v>755</v>
      </c>
      <c r="I258" s="8">
        <v>43747</v>
      </c>
    </row>
    <row r="259" spans="1:9" ht="24" x14ac:dyDescent="0.2">
      <c r="A259" s="4">
        <v>43556</v>
      </c>
      <c r="B259" s="5" t="s">
        <v>9</v>
      </c>
      <c r="C259" s="5" t="s">
        <v>740</v>
      </c>
      <c r="D259" s="6" t="s">
        <v>756</v>
      </c>
      <c r="E259" s="5" t="s">
        <v>757</v>
      </c>
      <c r="F259" s="7">
        <v>49060</v>
      </c>
      <c r="G259" s="5" t="s">
        <v>703</v>
      </c>
      <c r="H259" s="6" t="s">
        <v>445</v>
      </c>
      <c r="I259" s="8">
        <v>43753</v>
      </c>
    </row>
    <row r="260" spans="1:9" ht="24" x14ac:dyDescent="0.2">
      <c r="A260" s="4">
        <v>43556</v>
      </c>
      <c r="B260" s="5" t="s">
        <v>9</v>
      </c>
      <c r="C260" s="5" t="s">
        <v>740</v>
      </c>
      <c r="D260" s="6" t="s">
        <v>758</v>
      </c>
      <c r="E260" s="5" t="s">
        <v>759</v>
      </c>
      <c r="F260" s="7">
        <v>10032</v>
      </c>
      <c r="G260" s="5" t="s">
        <v>384</v>
      </c>
      <c r="H260" s="6" t="s">
        <v>385</v>
      </c>
      <c r="I260" s="8">
        <v>43759</v>
      </c>
    </row>
    <row r="261" spans="1:9" ht="24" x14ac:dyDescent="0.2">
      <c r="A261" s="4">
        <v>43556</v>
      </c>
      <c r="B261" s="5" t="s">
        <v>9</v>
      </c>
      <c r="C261" s="5" t="s">
        <v>740</v>
      </c>
      <c r="D261" s="6" t="s">
        <v>760</v>
      </c>
      <c r="E261" s="5" t="s">
        <v>761</v>
      </c>
      <c r="F261" s="7">
        <v>49366</v>
      </c>
      <c r="G261" s="5" t="s">
        <v>510</v>
      </c>
      <c r="H261" s="6" t="s">
        <v>511</v>
      </c>
      <c r="I261" s="8">
        <v>43759</v>
      </c>
    </row>
    <row r="262" spans="1:9" ht="24" x14ac:dyDescent="0.2">
      <c r="A262" s="4">
        <v>43556</v>
      </c>
      <c r="B262" s="5" t="s">
        <v>9</v>
      </c>
      <c r="C262" s="5" t="s">
        <v>740</v>
      </c>
      <c r="D262" s="6" t="s">
        <v>762</v>
      </c>
      <c r="E262" s="5" t="s">
        <v>763</v>
      </c>
      <c r="F262" s="7">
        <v>27115</v>
      </c>
      <c r="G262" s="5" t="s">
        <v>555</v>
      </c>
      <c r="H262" s="6" t="s">
        <v>556</v>
      </c>
      <c r="I262" s="8">
        <v>43759</v>
      </c>
    </row>
    <row r="263" spans="1:9" ht="24" x14ac:dyDescent="0.2">
      <c r="A263" s="4">
        <v>43556</v>
      </c>
      <c r="B263" s="5" t="s">
        <v>9</v>
      </c>
      <c r="C263" s="5" t="s">
        <v>740</v>
      </c>
      <c r="D263" s="6" t="s">
        <v>764</v>
      </c>
      <c r="E263" s="5" t="s">
        <v>765</v>
      </c>
      <c r="F263" s="7">
        <v>1180</v>
      </c>
      <c r="G263" s="5" t="s">
        <v>766</v>
      </c>
      <c r="H263" s="6" t="s">
        <v>767</v>
      </c>
      <c r="I263" s="8">
        <v>43761</v>
      </c>
    </row>
    <row r="264" spans="1:9" ht="24" x14ac:dyDescent="0.2">
      <c r="A264" s="4">
        <v>43556</v>
      </c>
      <c r="B264" s="5" t="s">
        <v>9</v>
      </c>
      <c r="C264" s="5" t="s">
        <v>740</v>
      </c>
      <c r="D264" s="6" t="s">
        <v>768</v>
      </c>
      <c r="E264" s="5" t="s">
        <v>769</v>
      </c>
      <c r="F264" s="7">
        <v>38445</v>
      </c>
      <c r="G264" s="5" t="s">
        <v>770</v>
      </c>
      <c r="H264" s="6" t="s">
        <v>771</v>
      </c>
      <c r="I264" s="8">
        <v>43761</v>
      </c>
    </row>
    <row r="265" spans="1:9" ht="24" x14ac:dyDescent="0.2">
      <c r="A265" s="4">
        <v>43556</v>
      </c>
      <c r="B265" s="5" t="s">
        <v>9</v>
      </c>
      <c r="C265" s="5" t="s">
        <v>740</v>
      </c>
      <c r="D265" s="6" t="s">
        <v>772</v>
      </c>
      <c r="E265" s="5" t="s">
        <v>773</v>
      </c>
      <c r="F265" s="7">
        <v>39270</v>
      </c>
      <c r="G265" s="5" t="s">
        <v>754</v>
      </c>
      <c r="H265" s="6" t="s">
        <v>755</v>
      </c>
      <c r="I265" s="8">
        <v>43766</v>
      </c>
    </row>
    <row r="266" spans="1:9" ht="24" x14ac:dyDescent="0.2">
      <c r="A266" s="4">
        <v>43556</v>
      </c>
      <c r="B266" s="5" t="s">
        <v>9</v>
      </c>
      <c r="C266" s="5" t="s">
        <v>740</v>
      </c>
      <c r="D266" s="6" t="s">
        <v>774</v>
      </c>
      <c r="E266" s="5" t="s">
        <v>775</v>
      </c>
      <c r="F266" s="7">
        <v>40150</v>
      </c>
      <c r="G266" s="5" t="s">
        <v>776</v>
      </c>
      <c r="H266" s="6" t="s">
        <v>777</v>
      </c>
      <c r="I266" s="8">
        <v>43774</v>
      </c>
    </row>
    <row r="267" spans="1:9" ht="24" x14ac:dyDescent="0.2">
      <c r="A267" s="4">
        <v>43556</v>
      </c>
      <c r="B267" s="5" t="s">
        <v>9</v>
      </c>
      <c r="C267" s="5" t="s">
        <v>740</v>
      </c>
      <c r="D267" s="6" t="s">
        <v>778</v>
      </c>
      <c r="E267" s="5" t="s">
        <v>779</v>
      </c>
      <c r="F267" s="7">
        <v>13829</v>
      </c>
      <c r="G267" s="5" t="s">
        <v>510</v>
      </c>
      <c r="H267" s="6" t="s">
        <v>511</v>
      </c>
      <c r="I267" s="8">
        <v>43775</v>
      </c>
    </row>
    <row r="268" spans="1:9" ht="36" x14ac:dyDescent="0.2">
      <c r="A268" s="4">
        <v>43556</v>
      </c>
      <c r="B268" s="5" t="s">
        <v>9</v>
      </c>
      <c r="C268" s="5" t="s">
        <v>740</v>
      </c>
      <c r="D268" s="6" t="s">
        <v>780</v>
      </c>
      <c r="E268" s="5" t="s">
        <v>781</v>
      </c>
      <c r="F268" s="7">
        <v>31332</v>
      </c>
      <c r="G268" s="5" t="s">
        <v>782</v>
      </c>
      <c r="H268" s="6" t="s">
        <v>783</v>
      </c>
      <c r="I268" s="8">
        <v>43776</v>
      </c>
    </row>
    <row r="269" spans="1:9" ht="24" x14ac:dyDescent="0.2">
      <c r="A269" s="4">
        <v>43556</v>
      </c>
      <c r="B269" s="5" t="s">
        <v>9</v>
      </c>
      <c r="C269" s="5" t="s">
        <v>740</v>
      </c>
      <c r="D269" s="6" t="s">
        <v>784</v>
      </c>
      <c r="E269" s="5" t="s">
        <v>785</v>
      </c>
      <c r="F269" s="7">
        <v>2508</v>
      </c>
      <c r="G269" s="5" t="s">
        <v>745</v>
      </c>
      <c r="H269" s="6" t="s">
        <v>35</v>
      </c>
      <c r="I269" s="8">
        <v>43777</v>
      </c>
    </row>
    <row r="270" spans="1:9" ht="24" x14ac:dyDescent="0.2">
      <c r="A270" s="4">
        <v>43556</v>
      </c>
      <c r="B270" s="5" t="s">
        <v>9</v>
      </c>
      <c r="C270" s="5" t="s">
        <v>740</v>
      </c>
      <c r="D270" s="6" t="s">
        <v>786</v>
      </c>
      <c r="E270" s="5" t="s">
        <v>787</v>
      </c>
      <c r="F270" s="7">
        <v>48868</v>
      </c>
      <c r="G270" s="5" t="s">
        <v>788</v>
      </c>
      <c r="H270" s="6" t="s">
        <v>789</v>
      </c>
      <c r="I270" s="8">
        <v>43782</v>
      </c>
    </row>
    <row r="271" spans="1:9" ht="24" x14ac:dyDescent="0.2">
      <c r="A271" s="4">
        <v>43556</v>
      </c>
      <c r="B271" s="5" t="s">
        <v>9</v>
      </c>
      <c r="C271" s="5" t="s">
        <v>740</v>
      </c>
      <c r="D271" s="6" t="s">
        <v>790</v>
      </c>
      <c r="E271" s="5" t="s">
        <v>791</v>
      </c>
      <c r="F271" s="7">
        <v>44910</v>
      </c>
      <c r="G271" s="5" t="s">
        <v>426</v>
      </c>
      <c r="H271" s="6" t="s">
        <v>400</v>
      </c>
      <c r="I271" s="8">
        <v>43782</v>
      </c>
    </row>
    <row r="272" spans="1:9" ht="24" x14ac:dyDescent="0.2">
      <c r="A272" s="4">
        <v>43556</v>
      </c>
      <c r="B272" s="5" t="s">
        <v>9</v>
      </c>
      <c r="C272" s="5" t="s">
        <v>740</v>
      </c>
      <c r="D272" s="6" t="s">
        <v>792</v>
      </c>
      <c r="E272" s="5" t="s">
        <v>793</v>
      </c>
      <c r="F272" s="7">
        <v>17176</v>
      </c>
      <c r="G272" s="5" t="s">
        <v>510</v>
      </c>
      <c r="H272" s="6" t="s">
        <v>511</v>
      </c>
      <c r="I272" s="8">
        <v>43782</v>
      </c>
    </row>
    <row r="273" spans="1:9" ht="24" x14ac:dyDescent="0.2">
      <c r="A273" s="4">
        <v>43556</v>
      </c>
      <c r="B273" s="5" t="s">
        <v>9</v>
      </c>
      <c r="C273" s="5" t="s">
        <v>740</v>
      </c>
      <c r="D273" s="6" t="s">
        <v>794</v>
      </c>
      <c r="E273" s="5" t="s">
        <v>795</v>
      </c>
      <c r="F273" s="7">
        <v>10780</v>
      </c>
      <c r="G273" s="5" t="s">
        <v>770</v>
      </c>
      <c r="H273" s="6" t="s">
        <v>771</v>
      </c>
      <c r="I273" s="8">
        <v>43782</v>
      </c>
    </row>
    <row r="274" spans="1:9" ht="24" x14ac:dyDescent="0.2">
      <c r="A274" s="4">
        <v>43556</v>
      </c>
      <c r="B274" s="5" t="s">
        <v>9</v>
      </c>
      <c r="C274" s="5" t="s">
        <v>740</v>
      </c>
      <c r="D274" s="6" t="s">
        <v>796</v>
      </c>
      <c r="E274" s="5" t="s">
        <v>797</v>
      </c>
      <c r="F274" s="7">
        <v>110000</v>
      </c>
      <c r="G274" s="5" t="s">
        <v>798</v>
      </c>
      <c r="H274" s="6" t="s">
        <v>799</v>
      </c>
      <c r="I274" s="8">
        <v>43783</v>
      </c>
    </row>
    <row r="275" spans="1:9" ht="24" x14ac:dyDescent="0.2">
      <c r="A275" s="4">
        <v>43556</v>
      </c>
      <c r="B275" s="5" t="s">
        <v>9</v>
      </c>
      <c r="C275" s="5" t="s">
        <v>740</v>
      </c>
      <c r="D275" s="6" t="s">
        <v>800</v>
      </c>
      <c r="E275" s="5" t="s">
        <v>801</v>
      </c>
      <c r="F275" s="7">
        <v>19118</v>
      </c>
      <c r="G275" s="5" t="s">
        <v>706</v>
      </c>
      <c r="H275" s="6" t="s">
        <v>505</v>
      </c>
      <c r="I275" s="8">
        <v>43795</v>
      </c>
    </row>
    <row r="276" spans="1:9" ht="24" x14ac:dyDescent="0.2">
      <c r="A276" s="4">
        <v>43556</v>
      </c>
      <c r="B276" s="5" t="s">
        <v>9</v>
      </c>
      <c r="C276" s="5" t="s">
        <v>740</v>
      </c>
      <c r="D276" s="6" t="s">
        <v>802</v>
      </c>
      <c r="E276" s="5" t="s">
        <v>586</v>
      </c>
      <c r="F276" s="7">
        <v>22176</v>
      </c>
      <c r="G276" s="5" t="s">
        <v>13</v>
      </c>
      <c r="H276" s="6" t="s">
        <v>14</v>
      </c>
      <c r="I276" s="8">
        <v>43795</v>
      </c>
    </row>
    <row r="277" spans="1:9" ht="24" x14ac:dyDescent="0.2">
      <c r="A277" s="4">
        <v>43556</v>
      </c>
      <c r="B277" s="5" t="s">
        <v>9</v>
      </c>
      <c r="C277" s="5" t="s">
        <v>740</v>
      </c>
      <c r="D277" s="6" t="s">
        <v>803</v>
      </c>
      <c r="E277" s="5" t="s">
        <v>804</v>
      </c>
      <c r="F277" s="7">
        <v>1770</v>
      </c>
      <c r="G277" s="5" t="s">
        <v>766</v>
      </c>
      <c r="H277" s="6" t="s">
        <v>767</v>
      </c>
      <c r="I277" s="8">
        <v>43795</v>
      </c>
    </row>
    <row r="278" spans="1:9" ht="24" x14ac:dyDescent="0.2">
      <c r="A278" s="4">
        <v>43556</v>
      </c>
      <c r="B278" s="5" t="s">
        <v>9</v>
      </c>
      <c r="C278" s="5" t="s">
        <v>740</v>
      </c>
      <c r="D278" s="6" t="s">
        <v>805</v>
      </c>
      <c r="E278" s="5" t="s">
        <v>806</v>
      </c>
      <c r="F278" s="7">
        <v>16720</v>
      </c>
      <c r="G278" s="5" t="s">
        <v>384</v>
      </c>
      <c r="H278" s="6" t="s">
        <v>385</v>
      </c>
      <c r="I278" s="8">
        <v>43801</v>
      </c>
    </row>
    <row r="279" spans="1:9" ht="24" x14ac:dyDescent="0.2">
      <c r="A279" s="4">
        <v>43556</v>
      </c>
      <c r="B279" s="5" t="s">
        <v>9</v>
      </c>
      <c r="C279" s="5" t="s">
        <v>740</v>
      </c>
      <c r="D279" s="6" t="s">
        <v>807</v>
      </c>
      <c r="E279" s="5" t="s">
        <v>808</v>
      </c>
      <c r="F279" s="7">
        <v>26656</v>
      </c>
      <c r="G279" s="5" t="s">
        <v>510</v>
      </c>
      <c r="H279" s="6" t="s">
        <v>511</v>
      </c>
      <c r="I279" s="8">
        <v>43801</v>
      </c>
    </row>
    <row r="280" spans="1:9" ht="24" x14ac:dyDescent="0.2">
      <c r="A280" s="4">
        <v>43556</v>
      </c>
      <c r="B280" s="5" t="s">
        <v>9</v>
      </c>
      <c r="C280" s="5" t="s">
        <v>740</v>
      </c>
      <c r="D280" s="6" t="s">
        <v>809</v>
      </c>
      <c r="E280" s="5" t="s">
        <v>810</v>
      </c>
      <c r="F280" s="7">
        <v>39389</v>
      </c>
      <c r="G280" s="5" t="s">
        <v>510</v>
      </c>
      <c r="H280" s="6" t="s">
        <v>511</v>
      </c>
      <c r="I280" s="8">
        <v>43803</v>
      </c>
    </row>
    <row r="281" spans="1:9" ht="24" x14ac:dyDescent="0.2">
      <c r="A281" s="4">
        <v>43556</v>
      </c>
      <c r="B281" s="5" t="s">
        <v>9</v>
      </c>
      <c r="C281" s="5" t="s">
        <v>740</v>
      </c>
      <c r="D281" s="6" t="s">
        <v>811</v>
      </c>
      <c r="E281" s="5" t="s">
        <v>812</v>
      </c>
      <c r="F281" s="7">
        <v>45162</v>
      </c>
      <c r="G281" s="5" t="s">
        <v>788</v>
      </c>
      <c r="H281" s="6" t="s">
        <v>789</v>
      </c>
      <c r="I281" s="8">
        <v>43804</v>
      </c>
    </row>
    <row r="282" spans="1:9" ht="24" x14ac:dyDescent="0.2">
      <c r="A282" s="4">
        <v>43556</v>
      </c>
      <c r="B282" s="5" t="s">
        <v>9</v>
      </c>
      <c r="C282" s="5" t="s">
        <v>740</v>
      </c>
      <c r="D282" s="6" t="s">
        <v>813</v>
      </c>
      <c r="E282" s="5" t="s">
        <v>814</v>
      </c>
      <c r="F282" s="7">
        <v>40546</v>
      </c>
      <c r="G282" s="5" t="s">
        <v>754</v>
      </c>
      <c r="H282" s="6" t="s">
        <v>755</v>
      </c>
      <c r="I282" s="8">
        <v>43809</v>
      </c>
    </row>
    <row r="283" spans="1:9" ht="24" x14ac:dyDescent="0.2">
      <c r="A283" s="4">
        <v>43556</v>
      </c>
      <c r="B283" s="5" t="s">
        <v>9</v>
      </c>
      <c r="C283" s="5" t="s">
        <v>740</v>
      </c>
      <c r="D283" s="6" t="s">
        <v>815</v>
      </c>
      <c r="E283" s="5" t="s">
        <v>816</v>
      </c>
      <c r="F283" s="7">
        <v>3000</v>
      </c>
      <c r="G283" s="5" t="s">
        <v>1153</v>
      </c>
      <c r="H283" s="6" t="s">
        <v>35</v>
      </c>
      <c r="I283" s="8">
        <v>43809</v>
      </c>
    </row>
    <row r="284" spans="1:9" ht="24" x14ac:dyDescent="0.2">
      <c r="A284" s="4">
        <v>43556</v>
      </c>
      <c r="B284" s="5" t="s">
        <v>9</v>
      </c>
      <c r="C284" s="5" t="s">
        <v>740</v>
      </c>
      <c r="D284" s="6" t="s">
        <v>817</v>
      </c>
      <c r="E284" s="5" t="s">
        <v>818</v>
      </c>
      <c r="F284" s="7">
        <v>11550</v>
      </c>
      <c r="G284" s="5" t="s">
        <v>819</v>
      </c>
      <c r="H284" s="6" t="s">
        <v>820</v>
      </c>
      <c r="I284" s="8">
        <v>43809</v>
      </c>
    </row>
    <row r="285" spans="1:9" ht="24" x14ac:dyDescent="0.2">
      <c r="A285" s="4">
        <v>43556</v>
      </c>
      <c r="B285" s="5" t="s">
        <v>9</v>
      </c>
      <c r="C285" s="5" t="s">
        <v>740</v>
      </c>
      <c r="D285" s="6" t="s">
        <v>821</v>
      </c>
      <c r="E285" s="5" t="s">
        <v>822</v>
      </c>
      <c r="F285" s="7">
        <v>28050</v>
      </c>
      <c r="G285" s="5" t="s">
        <v>706</v>
      </c>
      <c r="H285" s="6" t="s">
        <v>505</v>
      </c>
      <c r="I285" s="8">
        <v>43811</v>
      </c>
    </row>
    <row r="286" spans="1:9" ht="24" x14ac:dyDescent="0.2">
      <c r="A286" s="4">
        <v>43556</v>
      </c>
      <c r="B286" s="5" t="s">
        <v>9</v>
      </c>
      <c r="C286" s="5" t="s">
        <v>740</v>
      </c>
      <c r="D286" s="6" t="s">
        <v>823</v>
      </c>
      <c r="E286" s="5" t="s">
        <v>824</v>
      </c>
      <c r="F286" s="7">
        <v>46918</v>
      </c>
      <c r="G286" s="5" t="s">
        <v>510</v>
      </c>
      <c r="H286" s="6" t="s">
        <v>511</v>
      </c>
      <c r="I286" s="8">
        <v>43816</v>
      </c>
    </row>
    <row r="287" spans="1:9" ht="24" x14ac:dyDescent="0.2">
      <c r="A287" s="4">
        <v>43556</v>
      </c>
      <c r="B287" s="5" t="s">
        <v>9</v>
      </c>
      <c r="C287" s="5" t="s">
        <v>740</v>
      </c>
      <c r="D287" s="6" t="s">
        <v>825</v>
      </c>
      <c r="E287" s="5" t="s">
        <v>826</v>
      </c>
      <c r="F287" s="7">
        <v>20328</v>
      </c>
      <c r="G287" s="5" t="s">
        <v>13</v>
      </c>
      <c r="H287" s="6" t="s">
        <v>14</v>
      </c>
      <c r="I287" s="8">
        <v>43817</v>
      </c>
    </row>
    <row r="288" spans="1:9" ht="24" x14ac:dyDescent="0.2">
      <c r="A288" s="4">
        <v>43556</v>
      </c>
      <c r="B288" s="5" t="s">
        <v>9</v>
      </c>
      <c r="C288" s="5" t="s">
        <v>740</v>
      </c>
      <c r="D288" s="6" t="s">
        <v>827</v>
      </c>
      <c r="E288" s="5" t="s">
        <v>828</v>
      </c>
      <c r="F288" s="7">
        <v>16665</v>
      </c>
      <c r="G288" s="5" t="s">
        <v>770</v>
      </c>
      <c r="H288" s="6" t="s">
        <v>771</v>
      </c>
      <c r="I288" s="8">
        <v>43819</v>
      </c>
    </row>
    <row r="289" spans="1:9" ht="24" x14ac:dyDescent="0.2">
      <c r="A289" s="4">
        <v>43556</v>
      </c>
      <c r="B289" s="5" t="s">
        <v>9</v>
      </c>
      <c r="C289" s="5" t="s">
        <v>740</v>
      </c>
      <c r="D289" s="6" t="s">
        <v>829</v>
      </c>
      <c r="E289" s="5" t="s">
        <v>830</v>
      </c>
      <c r="F289" s="7">
        <v>49500</v>
      </c>
      <c r="G289" s="5" t="s">
        <v>819</v>
      </c>
      <c r="H289" s="6" t="s">
        <v>820</v>
      </c>
      <c r="I289" s="8">
        <v>43824</v>
      </c>
    </row>
    <row r="290" spans="1:9" ht="24" x14ac:dyDescent="0.2">
      <c r="A290" s="4">
        <v>43556</v>
      </c>
      <c r="B290" s="5" t="s">
        <v>9</v>
      </c>
      <c r="C290" s="5" t="s">
        <v>831</v>
      </c>
      <c r="D290" s="6" t="s">
        <v>832</v>
      </c>
      <c r="E290" s="5" t="s">
        <v>833</v>
      </c>
      <c r="F290" s="7">
        <v>10318</v>
      </c>
      <c r="G290" s="5" t="s">
        <v>834</v>
      </c>
      <c r="H290" s="6" t="s">
        <v>673</v>
      </c>
      <c r="I290" s="8">
        <v>43740</v>
      </c>
    </row>
    <row r="291" spans="1:9" ht="24" x14ac:dyDescent="0.2">
      <c r="A291" s="4">
        <v>43556</v>
      </c>
      <c r="B291" s="5" t="s">
        <v>9</v>
      </c>
      <c r="C291" s="5" t="s">
        <v>831</v>
      </c>
      <c r="D291" s="6" t="s">
        <v>835</v>
      </c>
      <c r="E291" s="5" t="s">
        <v>836</v>
      </c>
      <c r="F291" s="7">
        <v>145426</v>
      </c>
      <c r="G291" s="5" t="s">
        <v>837</v>
      </c>
      <c r="H291" s="6" t="s">
        <v>820</v>
      </c>
      <c r="I291" s="8">
        <v>43741</v>
      </c>
    </row>
    <row r="292" spans="1:9" ht="24" x14ac:dyDescent="0.2">
      <c r="A292" s="4">
        <v>43556</v>
      </c>
      <c r="B292" s="5" t="s">
        <v>9</v>
      </c>
      <c r="C292" s="5" t="s">
        <v>831</v>
      </c>
      <c r="D292" s="6" t="s">
        <v>838</v>
      </c>
      <c r="E292" s="5" t="s">
        <v>839</v>
      </c>
      <c r="F292" s="7">
        <v>245527</v>
      </c>
      <c r="G292" s="5" t="s">
        <v>840</v>
      </c>
      <c r="H292" s="6" t="s">
        <v>841</v>
      </c>
      <c r="I292" s="8">
        <v>43742</v>
      </c>
    </row>
    <row r="293" spans="1:9" ht="24" x14ac:dyDescent="0.2">
      <c r="A293" s="4">
        <v>43556</v>
      </c>
      <c r="B293" s="5" t="s">
        <v>9</v>
      </c>
      <c r="C293" s="5" t="s">
        <v>831</v>
      </c>
      <c r="D293" s="6" t="s">
        <v>842</v>
      </c>
      <c r="E293" s="5" t="s">
        <v>843</v>
      </c>
      <c r="F293" s="7">
        <v>26048</v>
      </c>
      <c r="G293" s="5" t="s">
        <v>844</v>
      </c>
      <c r="H293" s="6" t="s">
        <v>845</v>
      </c>
      <c r="I293" s="8">
        <v>43742</v>
      </c>
    </row>
    <row r="294" spans="1:9" ht="24" x14ac:dyDescent="0.2">
      <c r="A294" s="4">
        <v>43556</v>
      </c>
      <c r="B294" s="5" t="s">
        <v>9</v>
      </c>
      <c r="C294" s="5" t="s">
        <v>831</v>
      </c>
      <c r="D294" s="6" t="s">
        <v>846</v>
      </c>
      <c r="E294" s="5" t="s">
        <v>847</v>
      </c>
      <c r="F294" s="7">
        <v>57750</v>
      </c>
      <c r="G294" s="5" t="s">
        <v>848</v>
      </c>
      <c r="H294" s="6" t="s">
        <v>849</v>
      </c>
      <c r="I294" s="8">
        <v>43745</v>
      </c>
    </row>
    <row r="295" spans="1:9" ht="24" x14ac:dyDescent="0.2">
      <c r="A295" s="4">
        <v>43556</v>
      </c>
      <c r="B295" s="5" t="s">
        <v>9</v>
      </c>
      <c r="C295" s="5" t="s">
        <v>831</v>
      </c>
      <c r="D295" s="6" t="s">
        <v>850</v>
      </c>
      <c r="E295" s="5" t="s">
        <v>851</v>
      </c>
      <c r="F295" s="7">
        <v>7524</v>
      </c>
      <c r="G295" s="5" t="s">
        <v>852</v>
      </c>
      <c r="H295" s="6" t="s">
        <v>853</v>
      </c>
      <c r="I295" s="8">
        <v>43745</v>
      </c>
    </row>
    <row r="296" spans="1:9" ht="24" x14ac:dyDescent="0.2">
      <c r="A296" s="4">
        <v>43556</v>
      </c>
      <c r="B296" s="5" t="s">
        <v>9</v>
      </c>
      <c r="C296" s="5" t="s">
        <v>831</v>
      </c>
      <c r="D296" s="6" t="s">
        <v>854</v>
      </c>
      <c r="E296" s="5" t="s">
        <v>855</v>
      </c>
      <c r="F296" s="7">
        <v>36300</v>
      </c>
      <c r="G296" s="5" t="s">
        <v>618</v>
      </c>
      <c r="H296" s="6" t="s">
        <v>619</v>
      </c>
      <c r="I296" s="8">
        <v>43748</v>
      </c>
    </row>
    <row r="297" spans="1:9" ht="24" x14ac:dyDescent="0.2">
      <c r="A297" s="4">
        <v>43556</v>
      </c>
      <c r="B297" s="5" t="s">
        <v>9</v>
      </c>
      <c r="C297" s="5" t="s">
        <v>831</v>
      </c>
      <c r="D297" s="6" t="s">
        <v>856</v>
      </c>
      <c r="E297" s="5" t="s">
        <v>857</v>
      </c>
      <c r="F297" s="7">
        <v>23848</v>
      </c>
      <c r="G297" s="5" t="s">
        <v>852</v>
      </c>
      <c r="H297" s="6" t="s">
        <v>853</v>
      </c>
      <c r="I297" s="8">
        <v>43753</v>
      </c>
    </row>
    <row r="298" spans="1:9" ht="24" x14ac:dyDescent="0.2">
      <c r="A298" s="4">
        <v>43556</v>
      </c>
      <c r="B298" s="5" t="s">
        <v>9</v>
      </c>
      <c r="C298" s="5" t="s">
        <v>831</v>
      </c>
      <c r="D298" s="6" t="s">
        <v>858</v>
      </c>
      <c r="E298" s="5" t="s">
        <v>859</v>
      </c>
      <c r="F298" s="7">
        <v>1306</v>
      </c>
      <c r="G298" s="5" t="s">
        <v>651</v>
      </c>
      <c r="H298" s="6" t="s">
        <v>652</v>
      </c>
      <c r="I298" s="8">
        <v>43753</v>
      </c>
    </row>
    <row r="299" spans="1:9" ht="24" x14ac:dyDescent="0.2">
      <c r="A299" s="4">
        <v>43556</v>
      </c>
      <c r="B299" s="5" t="s">
        <v>9</v>
      </c>
      <c r="C299" s="5" t="s">
        <v>831</v>
      </c>
      <c r="D299" s="6" t="s">
        <v>860</v>
      </c>
      <c r="E299" s="5" t="s">
        <v>861</v>
      </c>
      <c r="F299" s="7">
        <v>9685</v>
      </c>
      <c r="G299" s="5" t="s">
        <v>862</v>
      </c>
      <c r="H299" s="6" t="s">
        <v>863</v>
      </c>
      <c r="I299" s="8">
        <v>43755</v>
      </c>
    </row>
    <row r="300" spans="1:9" ht="24" x14ac:dyDescent="0.2">
      <c r="A300" s="4">
        <v>43556</v>
      </c>
      <c r="B300" s="5" t="s">
        <v>9</v>
      </c>
      <c r="C300" s="5" t="s">
        <v>831</v>
      </c>
      <c r="D300" s="6" t="s">
        <v>864</v>
      </c>
      <c r="E300" s="5" t="s">
        <v>865</v>
      </c>
      <c r="F300" s="7">
        <v>3784</v>
      </c>
      <c r="G300" s="5" t="s">
        <v>866</v>
      </c>
      <c r="H300" s="6" t="s">
        <v>867</v>
      </c>
      <c r="I300" s="8">
        <v>43756</v>
      </c>
    </row>
    <row r="301" spans="1:9" ht="24" x14ac:dyDescent="0.2">
      <c r="A301" s="4">
        <v>43556</v>
      </c>
      <c r="B301" s="5" t="s">
        <v>9</v>
      </c>
      <c r="C301" s="5" t="s">
        <v>831</v>
      </c>
      <c r="D301" s="6" t="s">
        <v>868</v>
      </c>
      <c r="E301" s="5" t="s">
        <v>869</v>
      </c>
      <c r="F301" s="7">
        <v>1617</v>
      </c>
      <c r="G301" s="5" t="s">
        <v>870</v>
      </c>
      <c r="H301" s="6" t="s">
        <v>35</v>
      </c>
      <c r="I301" s="8">
        <v>43759</v>
      </c>
    </row>
    <row r="302" spans="1:9" ht="24" x14ac:dyDescent="0.2">
      <c r="A302" s="4">
        <v>43556</v>
      </c>
      <c r="B302" s="5" t="s">
        <v>9</v>
      </c>
      <c r="C302" s="5" t="s">
        <v>831</v>
      </c>
      <c r="D302" s="6" t="s">
        <v>871</v>
      </c>
      <c r="E302" s="5" t="s">
        <v>872</v>
      </c>
      <c r="F302" s="7">
        <v>16617</v>
      </c>
      <c r="G302" s="5" t="s">
        <v>848</v>
      </c>
      <c r="H302" s="6" t="s">
        <v>849</v>
      </c>
      <c r="I302" s="8">
        <v>43762</v>
      </c>
    </row>
    <row r="303" spans="1:9" ht="24" x14ac:dyDescent="0.2">
      <c r="A303" s="4">
        <v>43556</v>
      </c>
      <c r="B303" s="5" t="s">
        <v>9</v>
      </c>
      <c r="C303" s="5" t="s">
        <v>831</v>
      </c>
      <c r="D303" s="6" t="s">
        <v>873</v>
      </c>
      <c r="E303" s="5" t="s">
        <v>874</v>
      </c>
      <c r="F303" s="7">
        <v>66165</v>
      </c>
      <c r="G303" s="5" t="s">
        <v>738</v>
      </c>
      <c r="H303" s="6" t="s">
        <v>739</v>
      </c>
      <c r="I303" s="8">
        <v>43763</v>
      </c>
    </row>
    <row r="304" spans="1:9" ht="24" x14ac:dyDescent="0.2">
      <c r="A304" s="4">
        <v>43556</v>
      </c>
      <c r="B304" s="5" t="s">
        <v>9</v>
      </c>
      <c r="C304" s="5" t="s">
        <v>831</v>
      </c>
      <c r="D304" s="6" t="s">
        <v>875</v>
      </c>
      <c r="E304" s="5" t="s">
        <v>876</v>
      </c>
      <c r="F304" s="7">
        <v>97130</v>
      </c>
      <c r="G304" s="5" t="s">
        <v>738</v>
      </c>
      <c r="H304" s="6" t="s">
        <v>739</v>
      </c>
      <c r="I304" s="8">
        <v>43766</v>
      </c>
    </row>
    <row r="305" spans="1:9" ht="24" x14ac:dyDescent="0.2">
      <c r="A305" s="4">
        <v>43556</v>
      </c>
      <c r="B305" s="5" t="s">
        <v>9</v>
      </c>
      <c r="C305" s="5" t="s">
        <v>831</v>
      </c>
      <c r="D305" s="6" t="s">
        <v>877</v>
      </c>
      <c r="E305" s="5" t="s">
        <v>878</v>
      </c>
      <c r="F305" s="7">
        <v>96140</v>
      </c>
      <c r="G305" s="5" t="s">
        <v>738</v>
      </c>
      <c r="H305" s="6" t="s">
        <v>739</v>
      </c>
      <c r="I305" s="8">
        <v>43766</v>
      </c>
    </row>
    <row r="306" spans="1:9" ht="24" x14ac:dyDescent="0.2">
      <c r="A306" s="4">
        <v>43556</v>
      </c>
      <c r="B306" s="5" t="s">
        <v>9</v>
      </c>
      <c r="C306" s="5" t="s">
        <v>831</v>
      </c>
      <c r="D306" s="6" t="s">
        <v>879</v>
      </c>
      <c r="E306" s="5" t="s">
        <v>880</v>
      </c>
      <c r="F306" s="7">
        <v>39902</v>
      </c>
      <c r="G306" s="5" t="s">
        <v>651</v>
      </c>
      <c r="H306" s="6" t="s">
        <v>652</v>
      </c>
      <c r="I306" s="8">
        <v>43766</v>
      </c>
    </row>
    <row r="307" spans="1:9" ht="24" x14ac:dyDescent="0.2">
      <c r="A307" s="4">
        <v>43556</v>
      </c>
      <c r="B307" s="5" t="s">
        <v>9</v>
      </c>
      <c r="C307" s="5" t="s">
        <v>831</v>
      </c>
      <c r="D307" s="6" t="s">
        <v>881</v>
      </c>
      <c r="E307" s="5" t="s">
        <v>882</v>
      </c>
      <c r="F307" s="7">
        <v>124191</v>
      </c>
      <c r="G307" s="5" t="s">
        <v>883</v>
      </c>
      <c r="H307" s="6" t="s">
        <v>884</v>
      </c>
      <c r="I307" s="8">
        <v>43766</v>
      </c>
    </row>
    <row r="308" spans="1:9" ht="24" x14ac:dyDescent="0.2">
      <c r="A308" s="4">
        <v>43556</v>
      </c>
      <c r="B308" s="5" t="s">
        <v>9</v>
      </c>
      <c r="C308" s="5" t="s">
        <v>831</v>
      </c>
      <c r="D308" s="6" t="s">
        <v>885</v>
      </c>
      <c r="E308" s="5" t="s">
        <v>886</v>
      </c>
      <c r="F308" s="7">
        <v>38797</v>
      </c>
      <c r="G308" s="5" t="s">
        <v>840</v>
      </c>
      <c r="H308" s="6" t="s">
        <v>841</v>
      </c>
      <c r="I308" s="8">
        <v>43768</v>
      </c>
    </row>
    <row r="309" spans="1:9" ht="24" x14ac:dyDescent="0.2">
      <c r="A309" s="4">
        <v>43556</v>
      </c>
      <c r="B309" s="5" t="s">
        <v>9</v>
      </c>
      <c r="C309" s="5" t="s">
        <v>831</v>
      </c>
      <c r="D309" s="6" t="s">
        <v>887</v>
      </c>
      <c r="E309" s="5" t="s">
        <v>888</v>
      </c>
      <c r="F309" s="7">
        <v>20806</v>
      </c>
      <c r="G309" s="5" t="s">
        <v>844</v>
      </c>
      <c r="H309" s="6" t="s">
        <v>845</v>
      </c>
      <c r="I309" s="8">
        <v>43768</v>
      </c>
    </row>
    <row r="310" spans="1:9" ht="24" x14ac:dyDescent="0.2">
      <c r="A310" s="4">
        <v>43556</v>
      </c>
      <c r="B310" s="5" t="s">
        <v>9</v>
      </c>
      <c r="C310" s="5" t="s">
        <v>831</v>
      </c>
      <c r="D310" s="6" t="s">
        <v>889</v>
      </c>
      <c r="E310" s="5" t="s">
        <v>890</v>
      </c>
      <c r="F310" s="7">
        <v>27813</v>
      </c>
      <c r="G310" s="5" t="s">
        <v>891</v>
      </c>
      <c r="H310" s="6" t="s">
        <v>892</v>
      </c>
      <c r="I310" s="8">
        <v>43768</v>
      </c>
    </row>
    <row r="311" spans="1:9" ht="24" x14ac:dyDescent="0.2">
      <c r="A311" s="4">
        <v>43556</v>
      </c>
      <c r="B311" s="5" t="s">
        <v>9</v>
      </c>
      <c r="C311" s="5" t="s">
        <v>831</v>
      </c>
      <c r="D311" s="6" t="s">
        <v>893</v>
      </c>
      <c r="E311" s="5" t="s">
        <v>894</v>
      </c>
      <c r="F311" s="7">
        <v>33648</v>
      </c>
      <c r="G311" s="5" t="s">
        <v>891</v>
      </c>
      <c r="H311" s="6" t="s">
        <v>892</v>
      </c>
      <c r="I311" s="8">
        <v>43769</v>
      </c>
    </row>
    <row r="312" spans="1:9" ht="24" x14ac:dyDescent="0.2">
      <c r="A312" s="4">
        <v>43556</v>
      </c>
      <c r="B312" s="5" t="s">
        <v>9</v>
      </c>
      <c r="C312" s="5" t="s">
        <v>831</v>
      </c>
      <c r="D312" s="6" t="s">
        <v>895</v>
      </c>
      <c r="E312" s="5" t="s">
        <v>896</v>
      </c>
      <c r="F312" s="7">
        <v>132165</v>
      </c>
      <c r="G312" s="5" t="s">
        <v>738</v>
      </c>
      <c r="H312" s="6" t="s">
        <v>739</v>
      </c>
      <c r="I312" s="8">
        <v>43769</v>
      </c>
    </row>
    <row r="313" spans="1:9" ht="24" x14ac:dyDescent="0.2">
      <c r="A313" s="4">
        <v>43556</v>
      </c>
      <c r="B313" s="5" t="s">
        <v>9</v>
      </c>
      <c r="C313" s="5" t="s">
        <v>831</v>
      </c>
      <c r="D313" s="6" t="s">
        <v>897</v>
      </c>
      <c r="E313" s="5" t="s">
        <v>898</v>
      </c>
      <c r="F313" s="7">
        <v>17391</v>
      </c>
      <c r="G313" s="5" t="s">
        <v>899</v>
      </c>
      <c r="H313" s="6" t="s">
        <v>505</v>
      </c>
      <c r="I313" s="8">
        <v>43769</v>
      </c>
    </row>
    <row r="314" spans="1:9" ht="24" x14ac:dyDescent="0.2">
      <c r="A314" s="4">
        <v>43556</v>
      </c>
      <c r="B314" s="5" t="s">
        <v>9</v>
      </c>
      <c r="C314" s="5" t="s">
        <v>831</v>
      </c>
      <c r="D314" s="6" t="s">
        <v>900</v>
      </c>
      <c r="E314" s="5" t="s">
        <v>901</v>
      </c>
      <c r="F314" s="7">
        <v>156090</v>
      </c>
      <c r="G314" s="5" t="s">
        <v>840</v>
      </c>
      <c r="H314" s="6" t="s">
        <v>841</v>
      </c>
      <c r="I314" s="8">
        <v>43775</v>
      </c>
    </row>
    <row r="315" spans="1:9" ht="24" x14ac:dyDescent="0.2">
      <c r="A315" s="4">
        <v>43556</v>
      </c>
      <c r="B315" s="5" t="s">
        <v>9</v>
      </c>
      <c r="C315" s="5" t="s">
        <v>831</v>
      </c>
      <c r="D315" s="6" t="s">
        <v>902</v>
      </c>
      <c r="E315" s="5" t="s">
        <v>903</v>
      </c>
      <c r="F315" s="7">
        <v>8637</v>
      </c>
      <c r="G315" s="5" t="s">
        <v>904</v>
      </c>
      <c r="H315" s="6" t="s">
        <v>905</v>
      </c>
      <c r="I315" s="8">
        <v>43775</v>
      </c>
    </row>
    <row r="316" spans="1:9" ht="24" x14ac:dyDescent="0.2">
      <c r="A316" s="4">
        <v>43556</v>
      </c>
      <c r="B316" s="5" t="s">
        <v>9</v>
      </c>
      <c r="C316" s="5" t="s">
        <v>831</v>
      </c>
      <c r="D316" s="6" t="s">
        <v>906</v>
      </c>
      <c r="E316" s="5" t="s">
        <v>907</v>
      </c>
      <c r="F316" s="7">
        <v>33220</v>
      </c>
      <c r="G316" s="5" t="s">
        <v>738</v>
      </c>
      <c r="H316" s="6" t="s">
        <v>739</v>
      </c>
      <c r="I316" s="8">
        <v>43780</v>
      </c>
    </row>
    <row r="317" spans="1:9" ht="24" x14ac:dyDescent="0.2">
      <c r="A317" s="4">
        <v>43556</v>
      </c>
      <c r="B317" s="5" t="s">
        <v>9</v>
      </c>
      <c r="C317" s="5" t="s">
        <v>831</v>
      </c>
      <c r="D317" s="6" t="s">
        <v>908</v>
      </c>
      <c r="E317" s="5" t="s">
        <v>909</v>
      </c>
      <c r="F317" s="7">
        <v>17424</v>
      </c>
      <c r="G317" s="5" t="s">
        <v>852</v>
      </c>
      <c r="H317" s="6" t="s">
        <v>853</v>
      </c>
      <c r="I317" s="8">
        <v>43782</v>
      </c>
    </row>
    <row r="318" spans="1:9" ht="24" x14ac:dyDescent="0.2">
      <c r="A318" s="4">
        <v>43556</v>
      </c>
      <c r="B318" s="5" t="s">
        <v>9</v>
      </c>
      <c r="C318" s="5" t="s">
        <v>831</v>
      </c>
      <c r="D318" s="6" t="s">
        <v>910</v>
      </c>
      <c r="E318" s="5" t="s">
        <v>911</v>
      </c>
      <c r="F318" s="7">
        <v>13090</v>
      </c>
      <c r="G318" s="5" t="s">
        <v>651</v>
      </c>
      <c r="H318" s="6" t="s">
        <v>652</v>
      </c>
      <c r="I318" s="8">
        <v>43782</v>
      </c>
    </row>
    <row r="319" spans="1:9" ht="24" x14ac:dyDescent="0.2">
      <c r="A319" s="4">
        <v>43556</v>
      </c>
      <c r="B319" s="5" t="s">
        <v>9</v>
      </c>
      <c r="C319" s="5" t="s">
        <v>831</v>
      </c>
      <c r="D319" s="6" t="s">
        <v>912</v>
      </c>
      <c r="E319" s="5" t="s">
        <v>913</v>
      </c>
      <c r="F319" s="7">
        <v>12760</v>
      </c>
      <c r="G319" s="5" t="s">
        <v>844</v>
      </c>
      <c r="H319" s="6" t="s">
        <v>845</v>
      </c>
      <c r="I319" s="8">
        <v>43783</v>
      </c>
    </row>
    <row r="320" spans="1:9" ht="24" x14ac:dyDescent="0.2">
      <c r="A320" s="4">
        <v>43556</v>
      </c>
      <c r="B320" s="5" t="s">
        <v>9</v>
      </c>
      <c r="C320" s="5" t="s">
        <v>831</v>
      </c>
      <c r="D320" s="6" t="s">
        <v>914</v>
      </c>
      <c r="E320" s="5" t="s">
        <v>915</v>
      </c>
      <c r="F320" s="7">
        <v>1144</v>
      </c>
      <c r="G320" s="5" t="s">
        <v>866</v>
      </c>
      <c r="H320" s="6" t="s">
        <v>867</v>
      </c>
      <c r="I320" s="8">
        <v>43787</v>
      </c>
    </row>
    <row r="321" spans="1:9" ht="24" x14ac:dyDescent="0.2">
      <c r="A321" s="4">
        <v>43556</v>
      </c>
      <c r="B321" s="5" t="s">
        <v>9</v>
      </c>
      <c r="C321" s="5" t="s">
        <v>831</v>
      </c>
      <c r="D321" s="6" t="s">
        <v>916</v>
      </c>
      <c r="E321" s="5" t="s">
        <v>917</v>
      </c>
      <c r="F321" s="7">
        <v>25245</v>
      </c>
      <c r="G321" s="5" t="s">
        <v>25</v>
      </c>
      <c r="H321" s="6" t="s">
        <v>26</v>
      </c>
      <c r="I321" s="8">
        <v>43787</v>
      </c>
    </row>
    <row r="322" spans="1:9" ht="24" x14ac:dyDescent="0.2">
      <c r="A322" s="4">
        <v>43556</v>
      </c>
      <c r="B322" s="5" t="s">
        <v>9</v>
      </c>
      <c r="C322" s="5" t="s">
        <v>831</v>
      </c>
      <c r="D322" s="6" t="s">
        <v>918</v>
      </c>
      <c r="E322" s="5" t="s">
        <v>919</v>
      </c>
      <c r="F322" s="7">
        <v>9289</v>
      </c>
      <c r="G322" s="5" t="s">
        <v>651</v>
      </c>
      <c r="H322" s="6" t="s">
        <v>652</v>
      </c>
      <c r="I322" s="8">
        <v>43789</v>
      </c>
    </row>
    <row r="323" spans="1:9" ht="24" x14ac:dyDescent="0.2">
      <c r="A323" s="4">
        <v>43556</v>
      </c>
      <c r="B323" s="5" t="s">
        <v>9</v>
      </c>
      <c r="C323" s="5" t="s">
        <v>831</v>
      </c>
      <c r="D323" s="6" t="s">
        <v>920</v>
      </c>
      <c r="E323" s="5" t="s">
        <v>921</v>
      </c>
      <c r="F323" s="7">
        <v>40749</v>
      </c>
      <c r="G323" s="5" t="s">
        <v>891</v>
      </c>
      <c r="H323" s="6" t="s">
        <v>892</v>
      </c>
      <c r="I323" s="8">
        <v>43791</v>
      </c>
    </row>
    <row r="324" spans="1:9" ht="24" x14ac:dyDescent="0.2">
      <c r="A324" s="4">
        <v>43556</v>
      </c>
      <c r="B324" s="5" t="s">
        <v>9</v>
      </c>
      <c r="C324" s="5" t="s">
        <v>831</v>
      </c>
      <c r="D324" s="6" t="s">
        <v>922</v>
      </c>
      <c r="E324" s="5" t="s">
        <v>923</v>
      </c>
      <c r="F324" s="7">
        <v>13557</v>
      </c>
      <c r="G324" s="5" t="s">
        <v>924</v>
      </c>
      <c r="H324" s="6" t="s">
        <v>925</v>
      </c>
      <c r="I324" s="8">
        <v>43795</v>
      </c>
    </row>
    <row r="325" spans="1:9" ht="24" x14ac:dyDescent="0.2">
      <c r="A325" s="4">
        <v>43556</v>
      </c>
      <c r="B325" s="5" t="s">
        <v>9</v>
      </c>
      <c r="C325" s="5" t="s">
        <v>831</v>
      </c>
      <c r="D325" s="6" t="s">
        <v>926</v>
      </c>
      <c r="E325" s="5" t="s">
        <v>927</v>
      </c>
      <c r="F325" s="7">
        <v>3861</v>
      </c>
      <c r="G325" s="5" t="s">
        <v>844</v>
      </c>
      <c r="H325" s="6" t="s">
        <v>845</v>
      </c>
      <c r="I325" s="8">
        <v>43797</v>
      </c>
    </row>
    <row r="326" spans="1:9" ht="24" x14ac:dyDescent="0.2">
      <c r="A326" s="4">
        <v>43556</v>
      </c>
      <c r="B326" s="5" t="s">
        <v>9</v>
      </c>
      <c r="C326" s="5" t="s">
        <v>831</v>
      </c>
      <c r="D326" s="6" t="s">
        <v>928</v>
      </c>
      <c r="E326" s="5" t="s">
        <v>929</v>
      </c>
      <c r="F326" s="7">
        <v>68970</v>
      </c>
      <c r="G326" s="5" t="s">
        <v>738</v>
      </c>
      <c r="H326" s="6" t="s">
        <v>739</v>
      </c>
      <c r="I326" s="8">
        <v>43797</v>
      </c>
    </row>
    <row r="327" spans="1:9" ht="24" x14ac:dyDescent="0.2">
      <c r="A327" s="4">
        <v>43556</v>
      </c>
      <c r="B327" s="5" t="s">
        <v>9</v>
      </c>
      <c r="C327" s="5" t="s">
        <v>831</v>
      </c>
      <c r="D327" s="6" t="s">
        <v>930</v>
      </c>
      <c r="E327" s="5" t="s">
        <v>931</v>
      </c>
      <c r="F327" s="7">
        <v>106744</v>
      </c>
      <c r="G327" s="5" t="s">
        <v>738</v>
      </c>
      <c r="H327" s="6" t="s">
        <v>739</v>
      </c>
      <c r="I327" s="8">
        <v>43797</v>
      </c>
    </row>
    <row r="328" spans="1:9" ht="24" x14ac:dyDescent="0.2">
      <c r="A328" s="4">
        <v>43556</v>
      </c>
      <c r="B328" s="5" t="s">
        <v>9</v>
      </c>
      <c r="C328" s="5" t="s">
        <v>831</v>
      </c>
      <c r="D328" s="6" t="s">
        <v>932</v>
      </c>
      <c r="E328" s="5" t="s">
        <v>933</v>
      </c>
      <c r="F328" s="7">
        <v>19800</v>
      </c>
      <c r="G328" s="5" t="s">
        <v>738</v>
      </c>
      <c r="H328" s="6" t="s">
        <v>739</v>
      </c>
      <c r="I328" s="8">
        <v>43797</v>
      </c>
    </row>
    <row r="329" spans="1:9" ht="24" x14ac:dyDescent="0.2">
      <c r="A329" s="4">
        <v>43556</v>
      </c>
      <c r="B329" s="5" t="s">
        <v>9</v>
      </c>
      <c r="C329" s="5" t="s">
        <v>831</v>
      </c>
      <c r="D329" s="6" t="s">
        <v>934</v>
      </c>
      <c r="E329" s="5" t="s">
        <v>935</v>
      </c>
      <c r="F329" s="7">
        <v>60544</v>
      </c>
      <c r="G329" s="5" t="s">
        <v>840</v>
      </c>
      <c r="H329" s="6" t="s">
        <v>841</v>
      </c>
      <c r="I329" s="8">
        <v>43801</v>
      </c>
    </row>
    <row r="330" spans="1:9" ht="24" x14ac:dyDescent="0.2">
      <c r="A330" s="4">
        <v>43556</v>
      </c>
      <c r="B330" s="5" t="s">
        <v>9</v>
      </c>
      <c r="C330" s="5" t="s">
        <v>831</v>
      </c>
      <c r="D330" s="6" t="s">
        <v>936</v>
      </c>
      <c r="E330" s="5" t="s">
        <v>937</v>
      </c>
      <c r="F330" s="7">
        <v>155628</v>
      </c>
      <c r="G330" s="5" t="s">
        <v>840</v>
      </c>
      <c r="H330" s="6" t="s">
        <v>841</v>
      </c>
      <c r="I330" s="8">
        <v>43802</v>
      </c>
    </row>
    <row r="331" spans="1:9" ht="24" x14ac:dyDescent="0.2">
      <c r="A331" s="4">
        <v>43556</v>
      </c>
      <c r="B331" s="5" t="s">
        <v>9</v>
      </c>
      <c r="C331" s="5" t="s">
        <v>831</v>
      </c>
      <c r="D331" s="6" t="s">
        <v>938</v>
      </c>
      <c r="E331" s="5" t="s">
        <v>939</v>
      </c>
      <c r="F331" s="7">
        <v>105100</v>
      </c>
      <c r="G331" s="5" t="s">
        <v>883</v>
      </c>
      <c r="H331" s="6" t="s">
        <v>884</v>
      </c>
      <c r="I331" s="8">
        <v>43802</v>
      </c>
    </row>
    <row r="332" spans="1:9" ht="24" x14ac:dyDescent="0.2">
      <c r="A332" s="4">
        <v>43556</v>
      </c>
      <c r="B332" s="5" t="s">
        <v>9</v>
      </c>
      <c r="C332" s="5" t="s">
        <v>831</v>
      </c>
      <c r="D332" s="6" t="s">
        <v>940</v>
      </c>
      <c r="E332" s="5" t="s">
        <v>941</v>
      </c>
      <c r="F332" s="7">
        <v>143000</v>
      </c>
      <c r="G332" s="5" t="s">
        <v>942</v>
      </c>
      <c r="H332" s="6" t="s">
        <v>943</v>
      </c>
      <c r="I332" s="8">
        <v>43803</v>
      </c>
    </row>
    <row r="333" spans="1:9" ht="24" x14ac:dyDescent="0.2">
      <c r="A333" s="4">
        <v>43556</v>
      </c>
      <c r="B333" s="5" t="s">
        <v>9</v>
      </c>
      <c r="C333" s="5" t="s">
        <v>831</v>
      </c>
      <c r="D333" s="6" t="s">
        <v>944</v>
      </c>
      <c r="E333" s="5" t="s">
        <v>945</v>
      </c>
      <c r="F333" s="7">
        <v>11000</v>
      </c>
      <c r="G333" s="5" t="s">
        <v>946</v>
      </c>
      <c r="H333" s="6" t="s">
        <v>947</v>
      </c>
      <c r="I333" s="8">
        <v>43803</v>
      </c>
    </row>
    <row r="334" spans="1:9" ht="24" x14ac:dyDescent="0.2">
      <c r="A334" s="4">
        <v>43556</v>
      </c>
      <c r="B334" s="5" t="s">
        <v>9</v>
      </c>
      <c r="C334" s="5" t="s">
        <v>831</v>
      </c>
      <c r="D334" s="6" t="s">
        <v>948</v>
      </c>
      <c r="E334" s="5" t="s">
        <v>949</v>
      </c>
      <c r="F334" s="7">
        <v>43494</v>
      </c>
      <c r="G334" s="5" t="s">
        <v>738</v>
      </c>
      <c r="H334" s="6" t="s">
        <v>739</v>
      </c>
      <c r="I334" s="8">
        <v>43805</v>
      </c>
    </row>
    <row r="335" spans="1:9" ht="24" x14ac:dyDescent="0.2">
      <c r="A335" s="4">
        <v>43556</v>
      </c>
      <c r="B335" s="5" t="s">
        <v>9</v>
      </c>
      <c r="C335" s="5" t="s">
        <v>831</v>
      </c>
      <c r="D335" s="6" t="s">
        <v>950</v>
      </c>
      <c r="E335" s="5" t="s">
        <v>951</v>
      </c>
      <c r="F335" s="7">
        <v>106700</v>
      </c>
      <c r="G335" s="5" t="s">
        <v>738</v>
      </c>
      <c r="H335" s="6" t="s">
        <v>739</v>
      </c>
      <c r="I335" s="8">
        <v>43805</v>
      </c>
    </row>
    <row r="336" spans="1:9" ht="24" x14ac:dyDescent="0.2">
      <c r="A336" s="4">
        <v>43556</v>
      </c>
      <c r="B336" s="5" t="s">
        <v>9</v>
      </c>
      <c r="C336" s="5" t="s">
        <v>831</v>
      </c>
      <c r="D336" s="6" t="s">
        <v>952</v>
      </c>
      <c r="E336" s="5" t="s">
        <v>953</v>
      </c>
      <c r="F336" s="7">
        <v>21876</v>
      </c>
      <c r="G336" s="5" t="s">
        <v>904</v>
      </c>
      <c r="H336" s="6" t="s">
        <v>905</v>
      </c>
      <c r="I336" s="8">
        <v>43805</v>
      </c>
    </row>
    <row r="337" spans="1:9" ht="24" x14ac:dyDescent="0.2">
      <c r="A337" s="4">
        <v>43556</v>
      </c>
      <c r="B337" s="5" t="s">
        <v>9</v>
      </c>
      <c r="C337" s="5" t="s">
        <v>831</v>
      </c>
      <c r="D337" s="6" t="s">
        <v>954</v>
      </c>
      <c r="E337" s="5" t="s">
        <v>955</v>
      </c>
      <c r="F337" s="7">
        <v>635580</v>
      </c>
      <c r="G337" s="5" t="s">
        <v>837</v>
      </c>
      <c r="H337" s="6" t="s">
        <v>820</v>
      </c>
      <c r="I337" s="8">
        <v>43812</v>
      </c>
    </row>
    <row r="338" spans="1:9" ht="24" x14ac:dyDescent="0.2">
      <c r="A338" s="4">
        <v>43556</v>
      </c>
      <c r="B338" s="5" t="s">
        <v>9</v>
      </c>
      <c r="C338" s="5" t="s">
        <v>831</v>
      </c>
      <c r="D338" s="6" t="s">
        <v>956</v>
      </c>
      <c r="E338" s="5" t="s">
        <v>957</v>
      </c>
      <c r="F338" s="7">
        <v>15251</v>
      </c>
      <c r="G338" s="5" t="s">
        <v>651</v>
      </c>
      <c r="H338" s="6" t="s">
        <v>652</v>
      </c>
      <c r="I338" s="8">
        <v>43812</v>
      </c>
    </row>
    <row r="339" spans="1:9" ht="24" x14ac:dyDescent="0.2">
      <c r="A339" s="4">
        <v>43556</v>
      </c>
      <c r="B339" s="5" t="s">
        <v>9</v>
      </c>
      <c r="C339" s="5" t="s">
        <v>831</v>
      </c>
      <c r="D339" s="6" t="s">
        <v>958</v>
      </c>
      <c r="E339" s="5" t="s">
        <v>959</v>
      </c>
      <c r="F339" s="7">
        <v>178462</v>
      </c>
      <c r="G339" s="5" t="s">
        <v>960</v>
      </c>
      <c r="H339" s="6" t="s">
        <v>961</v>
      </c>
      <c r="I339" s="8">
        <v>43812</v>
      </c>
    </row>
    <row r="340" spans="1:9" ht="24" x14ac:dyDescent="0.2">
      <c r="A340" s="4">
        <v>43556</v>
      </c>
      <c r="B340" s="5" t="s">
        <v>9</v>
      </c>
      <c r="C340" s="5" t="s">
        <v>831</v>
      </c>
      <c r="D340" s="6" t="s">
        <v>962</v>
      </c>
      <c r="E340" s="5" t="s">
        <v>963</v>
      </c>
      <c r="F340" s="7">
        <v>68970</v>
      </c>
      <c r="G340" s="5" t="s">
        <v>738</v>
      </c>
      <c r="H340" s="6" t="s">
        <v>739</v>
      </c>
      <c r="I340" s="8">
        <v>43815</v>
      </c>
    </row>
    <row r="341" spans="1:9" ht="24" x14ac:dyDescent="0.2">
      <c r="A341" s="4">
        <v>43556</v>
      </c>
      <c r="B341" s="5" t="s">
        <v>9</v>
      </c>
      <c r="C341" s="5" t="s">
        <v>831</v>
      </c>
      <c r="D341" s="6" t="s">
        <v>964</v>
      </c>
      <c r="E341" s="5" t="s">
        <v>965</v>
      </c>
      <c r="F341" s="7">
        <v>17578</v>
      </c>
      <c r="G341" s="5" t="s">
        <v>891</v>
      </c>
      <c r="H341" s="6" t="s">
        <v>892</v>
      </c>
      <c r="I341" s="8">
        <v>43815</v>
      </c>
    </row>
    <row r="342" spans="1:9" ht="24" x14ac:dyDescent="0.2">
      <c r="A342" s="4">
        <v>43556</v>
      </c>
      <c r="B342" s="5" t="s">
        <v>9</v>
      </c>
      <c r="C342" s="5" t="s">
        <v>831</v>
      </c>
      <c r="D342" s="6" t="s">
        <v>966</v>
      </c>
      <c r="E342" s="5" t="s">
        <v>967</v>
      </c>
      <c r="F342" s="7">
        <v>1144</v>
      </c>
      <c r="G342" s="5" t="s">
        <v>866</v>
      </c>
      <c r="H342" s="6" t="s">
        <v>867</v>
      </c>
      <c r="I342" s="8">
        <v>43817</v>
      </c>
    </row>
    <row r="343" spans="1:9" ht="24" x14ac:dyDescent="0.2">
      <c r="A343" s="4">
        <v>43556</v>
      </c>
      <c r="B343" s="5" t="s">
        <v>9</v>
      </c>
      <c r="C343" s="5" t="s">
        <v>831</v>
      </c>
      <c r="D343" s="6" t="s">
        <v>968</v>
      </c>
      <c r="E343" s="5" t="s">
        <v>969</v>
      </c>
      <c r="F343" s="7">
        <v>28331</v>
      </c>
      <c r="G343" s="5" t="s">
        <v>651</v>
      </c>
      <c r="H343" s="6" t="s">
        <v>652</v>
      </c>
      <c r="I343" s="8">
        <v>43817</v>
      </c>
    </row>
    <row r="344" spans="1:9" ht="24" x14ac:dyDescent="0.2">
      <c r="A344" s="4">
        <v>43556</v>
      </c>
      <c r="B344" s="5" t="s">
        <v>9</v>
      </c>
      <c r="C344" s="5" t="s">
        <v>831</v>
      </c>
      <c r="D344" s="6" t="s">
        <v>970</v>
      </c>
      <c r="E344" s="5" t="s">
        <v>971</v>
      </c>
      <c r="F344" s="7">
        <v>124556</v>
      </c>
      <c r="G344" s="5" t="s">
        <v>738</v>
      </c>
      <c r="H344" s="6" t="s">
        <v>739</v>
      </c>
      <c r="I344" s="8">
        <v>43818</v>
      </c>
    </row>
    <row r="345" spans="1:9" ht="24" x14ac:dyDescent="0.2">
      <c r="A345" s="4">
        <v>43556</v>
      </c>
      <c r="B345" s="5" t="s">
        <v>9</v>
      </c>
      <c r="C345" s="5" t="s">
        <v>831</v>
      </c>
      <c r="D345" s="6" t="s">
        <v>972</v>
      </c>
      <c r="E345" s="5" t="s">
        <v>973</v>
      </c>
      <c r="F345" s="7">
        <v>47531</v>
      </c>
      <c r="G345" s="5" t="s">
        <v>840</v>
      </c>
      <c r="H345" s="6" t="s">
        <v>841</v>
      </c>
      <c r="I345" s="8">
        <v>43819</v>
      </c>
    </row>
    <row r="346" spans="1:9" ht="24" x14ac:dyDescent="0.2">
      <c r="A346" s="4">
        <v>43556</v>
      </c>
      <c r="B346" s="5" t="s">
        <v>9</v>
      </c>
      <c r="C346" s="5" t="s">
        <v>831</v>
      </c>
      <c r="D346" s="6" t="s">
        <v>974</v>
      </c>
      <c r="E346" s="5" t="s">
        <v>975</v>
      </c>
      <c r="F346" s="7">
        <v>196209</v>
      </c>
      <c r="G346" s="5" t="s">
        <v>883</v>
      </c>
      <c r="H346" s="6" t="s">
        <v>884</v>
      </c>
      <c r="I346" s="8">
        <v>43819</v>
      </c>
    </row>
    <row r="347" spans="1:9" ht="24" x14ac:dyDescent="0.2">
      <c r="A347" s="4">
        <v>43556</v>
      </c>
      <c r="B347" s="5" t="s">
        <v>9</v>
      </c>
      <c r="C347" s="5" t="s">
        <v>831</v>
      </c>
      <c r="D347" s="6" t="s">
        <v>976</v>
      </c>
      <c r="E347" s="5" t="s">
        <v>977</v>
      </c>
      <c r="F347" s="7">
        <v>53064</v>
      </c>
      <c r="G347" s="5" t="s">
        <v>738</v>
      </c>
      <c r="H347" s="6" t="s">
        <v>739</v>
      </c>
      <c r="I347" s="8">
        <v>43822</v>
      </c>
    </row>
    <row r="348" spans="1:9" ht="24" x14ac:dyDescent="0.2">
      <c r="A348" s="4">
        <v>43556</v>
      </c>
      <c r="B348" s="5" t="s">
        <v>9</v>
      </c>
      <c r="C348" s="5" t="s">
        <v>831</v>
      </c>
      <c r="D348" s="6" t="s">
        <v>978</v>
      </c>
      <c r="E348" s="5" t="s">
        <v>979</v>
      </c>
      <c r="F348" s="7">
        <v>152724</v>
      </c>
      <c r="G348" s="5" t="s">
        <v>738</v>
      </c>
      <c r="H348" s="6" t="s">
        <v>739</v>
      </c>
      <c r="I348" s="8">
        <v>43822</v>
      </c>
    </row>
    <row r="349" spans="1:9" ht="24" x14ac:dyDescent="0.2">
      <c r="A349" s="4">
        <v>43556</v>
      </c>
      <c r="B349" s="5" t="s">
        <v>9</v>
      </c>
      <c r="C349" s="5" t="s">
        <v>831</v>
      </c>
      <c r="D349" s="6" t="s">
        <v>980</v>
      </c>
      <c r="E349" s="5" t="s">
        <v>981</v>
      </c>
      <c r="F349" s="7">
        <v>146300</v>
      </c>
      <c r="G349" s="5" t="s">
        <v>982</v>
      </c>
      <c r="H349" s="6" t="s">
        <v>206</v>
      </c>
      <c r="I349" s="8">
        <v>43822</v>
      </c>
    </row>
    <row r="350" spans="1:9" ht="24" x14ac:dyDescent="0.2">
      <c r="A350" s="4">
        <v>43556</v>
      </c>
      <c r="B350" s="5" t="s">
        <v>9</v>
      </c>
      <c r="C350" s="5" t="s">
        <v>831</v>
      </c>
      <c r="D350" s="6" t="s">
        <v>983</v>
      </c>
      <c r="E350" s="5" t="s">
        <v>984</v>
      </c>
      <c r="F350" s="7">
        <v>8728</v>
      </c>
      <c r="G350" s="5" t="s">
        <v>862</v>
      </c>
      <c r="H350" s="6" t="s">
        <v>863</v>
      </c>
      <c r="I350" s="8">
        <v>43824</v>
      </c>
    </row>
    <row r="351" spans="1:9" ht="24" x14ac:dyDescent="0.2">
      <c r="A351" s="4">
        <v>43556</v>
      </c>
      <c r="B351" s="5" t="s">
        <v>9</v>
      </c>
      <c r="C351" s="5" t="s">
        <v>985</v>
      </c>
      <c r="D351" s="6" t="s">
        <v>986</v>
      </c>
      <c r="E351" s="5" t="s">
        <v>987</v>
      </c>
      <c r="F351" s="7">
        <v>10450</v>
      </c>
      <c r="G351" s="5" t="s">
        <v>988</v>
      </c>
      <c r="H351" s="6" t="s">
        <v>548</v>
      </c>
      <c r="I351" s="8">
        <v>43739</v>
      </c>
    </row>
    <row r="352" spans="1:9" ht="24" x14ac:dyDescent="0.2">
      <c r="A352" s="4">
        <v>43556</v>
      </c>
      <c r="B352" s="5" t="s">
        <v>9</v>
      </c>
      <c r="C352" s="5" t="s">
        <v>985</v>
      </c>
      <c r="D352" s="6" t="s">
        <v>989</v>
      </c>
      <c r="E352" s="5" t="s">
        <v>990</v>
      </c>
      <c r="F352" s="7">
        <v>9013</v>
      </c>
      <c r="G352" s="5" t="s">
        <v>409</v>
      </c>
      <c r="H352" s="6" t="s">
        <v>410</v>
      </c>
      <c r="I352" s="8">
        <v>43739</v>
      </c>
    </row>
    <row r="353" spans="1:9" ht="24" x14ac:dyDescent="0.2">
      <c r="A353" s="4">
        <v>43556</v>
      </c>
      <c r="B353" s="5" t="s">
        <v>9</v>
      </c>
      <c r="C353" s="5" t="s">
        <v>985</v>
      </c>
      <c r="D353" s="6" t="s">
        <v>991</v>
      </c>
      <c r="E353" s="5" t="s">
        <v>992</v>
      </c>
      <c r="F353" s="7">
        <v>39222</v>
      </c>
      <c r="G353" s="5" t="s">
        <v>583</v>
      </c>
      <c r="H353" s="6" t="s">
        <v>584</v>
      </c>
      <c r="I353" s="8">
        <v>43739</v>
      </c>
    </row>
    <row r="354" spans="1:9" ht="24" x14ac:dyDescent="0.2">
      <c r="A354" s="4">
        <v>43556</v>
      </c>
      <c r="B354" s="5" t="s">
        <v>9</v>
      </c>
      <c r="C354" s="5" t="s">
        <v>985</v>
      </c>
      <c r="D354" s="6" t="s">
        <v>993</v>
      </c>
      <c r="E354" s="5" t="s">
        <v>994</v>
      </c>
      <c r="F354" s="7">
        <v>861</v>
      </c>
      <c r="G354" s="5" t="s">
        <v>429</v>
      </c>
      <c r="H354" s="6" t="s">
        <v>430</v>
      </c>
      <c r="I354" s="8">
        <v>43739</v>
      </c>
    </row>
    <row r="355" spans="1:9" ht="24" x14ac:dyDescent="0.2">
      <c r="A355" s="4">
        <v>43556</v>
      </c>
      <c r="B355" s="5" t="s">
        <v>9</v>
      </c>
      <c r="C355" s="5" t="s">
        <v>985</v>
      </c>
      <c r="D355" s="6" t="s">
        <v>995</v>
      </c>
      <c r="E355" s="5" t="s">
        <v>996</v>
      </c>
      <c r="F355" s="7">
        <v>23777</v>
      </c>
      <c r="G355" s="5" t="s">
        <v>997</v>
      </c>
      <c r="H355" s="6" t="s">
        <v>606</v>
      </c>
      <c r="I355" s="8">
        <v>43739</v>
      </c>
    </row>
    <row r="356" spans="1:9" ht="24" x14ac:dyDescent="0.2">
      <c r="A356" s="4">
        <v>43556</v>
      </c>
      <c r="B356" s="5" t="s">
        <v>9</v>
      </c>
      <c r="C356" s="5" t="s">
        <v>985</v>
      </c>
      <c r="D356" s="6" t="s">
        <v>998</v>
      </c>
      <c r="E356" s="5" t="s">
        <v>999</v>
      </c>
      <c r="F356" s="7">
        <v>12672</v>
      </c>
      <c r="G356" s="5" t="s">
        <v>1000</v>
      </c>
      <c r="H356" s="6" t="s">
        <v>1001</v>
      </c>
      <c r="I356" s="8">
        <v>43739</v>
      </c>
    </row>
    <row r="357" spans="1:9" ht="24" x14ac:dyDescent="0.2">
      <c r="A357" s="4">
        <v>43556</v>
      </c>
      <c r="B357" s="5" t="s">
        <v>9</v>
      </c>
      <c r="C357" s="5" t="s">
        <v>985</v>
      </c>
      <c r="D357" s="6" t="s">
        <v>1002</v>
      </c>
      <c r="E357" s="5" t="s">
        <v>1003</v>
      </c>
      <c r="F357" s="7">
        <v>12364</v>
      </c>
      <c r="G357" s="5" t="s">
        <v>1004</v>
      </c>
      <c r="H357" s="6" t="s">
        <v>1005</v>
      </c>
      <c r="I357" s="8">
        <v>43740</v>
      </c>
    </row>
    <row r="358" spans="1:9" ht="24" x14ac:dyDescent="0.2">
      <c r="A358" s="4">
        <v>43556</v>
      </c>
      <c r="B358" s="5" t="s">
        <v>9</v>
      </c>
      <c r="C358" s="5" t="s">
        <v>985</v>
      </c>
      <c r="D358" s="6" t="s">
        <v>1006</v>
      </c>
      <c r="E358" s="5" t="s">
        <v>1007</v>
      </c>
      <c r="F358" s="7">
        <v>17600</v>
      </c>
      <c r="G358" s="5" t="s">
        <v>1008</v>
      </c>
      <c r="H358" s="6" t="s">
        <v>1009</v>
      </c>
      <c r="I358" s="8">
        <v>43741</v>
      </c>
    </row>
    <row r="359" spans="1:9" ht="24" x14ac:dyDescent="0.2">
      <c r="A359" s="4">
        <v>43556</v>
      </c>
      <c r="B359" s="5" t="s">
        <v>9</v>
      </c>
      <c r="C359" s="5" t="s">
        <v>985</v>
      </c>
      <c r="D359" s="6" t="s">
        <v>1010</v>
      </c>
      <c r="E359" s="5" t="s">
        <v>1011</v>
      </c>
      <c r="F359" s="7">
        <v>29376</v>
      </c>
      <c r="G359" s="5" t="s">
        <v>409</v>
      </c>
      <c r="H359" s="6" t="s">
        <v>410</v>
      </c>
      <c r="I359" s="8">
        <v>43748</v>
      </c>
    </row>
    <row r="360" spans="1:9" ht="24" x14ac:dyDescent="0.2">
      <c r="A360" s="4">
        <v>43556</v>
      </c>
      <c r="B360" s="5" t="s">
        <v>9</v>
      </c>
      <c r="C360" s="5" t="s">
        <v>985</v>
      </c>
      <c r="D360" s="6" t="s">
        <v>1012</v>
      </c>
      <c r="E360" s="5" t="s">
        <v>1013</v>
      </c>
      <c r="F360" s="7">
        <v>34100</v>
      </c>
      <c r="G360" s="5" t="s">
        <v>1008</v>
      </c>
      <c r="H360" s="6" t="s">
        <v>1009</v>
      </c>
      <c r="I360" s="8">
        <v>43749</v>
      </c>
    </row>
    <row r="361" spans="1:9" ht="24" x14ac:dyDescent="0.2">
      <c r="A361" s="4">
        <v>43556</v>
      </c>
      <c r="B361" s="5" t="s">
        <v>9</v>
      </c>
      <c r="C361" s="5" t="s">
        <v>985</v>
      </c>
      <c r="D361" s="6" t="s">
        <v>1014</v>
      </c>
      <c r="E361" s="5" t="s">
        <v>1015</v>
      </c>
      <c r="F361" s="7">
        <v>43560</v>
      </c>
      <c r="G361" s="5" t="s">
        <v>1016</v>
      </c>
      <c r="H361" s="6" t="s">
        <v>1017</v>
      </c>
      <c r="I361" s="8">
        <v>43753</v>
      </c>
    </row>
    <row r="362" spans="1:9" ht="24" x14ac:dyDescent="0.2">
      <c r="A362" s="4">
        <v>43556</v>
      </c>
      <c r="B362" s="5" t="s">
        <v>9</v>
      </c>
      <c r="C362" s="5" t="s">
        <v>985</v>
      </c>
      <c r="D362" s="6" t="s">
        <v>1018</v>
      </c>
      <c r="E362" s="5" t="s">
        <v>1019</v>
      </c>
      <c r="F362" s="7">
        <v>4444</v>
      </c>
      <c r="G362" s="5" t="s">
        <v>1020</v>
      </c>
      <c r="H362" s="6" t="s">
        <v>1021</v>
      </c>
      <c r="I362" s="8">
        <v>43762</v>
      </c>
    </row>
    <row r="363" spans="1:9" ht="24" x14ac:dyDescent="0.2">
      <c r="A363" s="4">
        <v>43556</v>
      </c>
      <c r="B363" s="5" t="s">
        <v>9</v>
      </c>
      <c r="C363" s="5" t="s">
        <v>985</v>
      </c>
      <c r="D363" s="6" t="s">
        <v>1022</v>
      </c>
      <c r="E363" s="5" t="s">
        <v>1023</v>
      </c>
      <c r="F363" s="7">
        <v>17710</v>
      </c>
      <c r="G363" s="5" t="s">
        <v>205</v>
      </c>
      <c r="H363" s="6" t="s">
        <v>206</v>
      </c>
      <c r="I363" s="8">
        <v>43762</v>
      </c>
    </row>
    <row r="364" spans="1:9" ht="24" x14ac:dyDescent="0.2">
      <c r="A364" s="4">
        <v>43556</v>
      </c>
      <c r="B364" s="5" t="s">
        <v>9</v>
      </c>
      <c r="C364" s="5" t="s">
        <v>985</v>
      </c>
      <c r="D364" s="6" t="s">
        <v>1024</v>
      </c>
      <c r="E364" s="5" t="s">
        <v>1025</v>
      </c>
      <c r="F364" s="7">
        <v>9357</v>
      </c>
      <c r="G364" s="5" t="s">
        <v>409</v>
      </c>
      <c r="H364" s="6" t="s">
        <v>410</v>
      </c>
      <c r="I364" s="8">
        <v>43762</v>
      </c>
    </row>
    <row r="365" spans="1:9" ht="24" x14ac:dyDescent="0.2">
      <c r="A365" s="4">
        <v>43556</v>
      </c>
      <c r="B365" s="5" t="s">
        <v>9</v>
      </c>
      <c r="C365" s="5" t="s">
        <v>985</v>
      </c>
      <c r="D365" s="6" t="s">
        <v>1026</v>
      </c>
      <c r="E365" s="5" t="s">
        <v>1027</v>
      </c>
      <c r="F365" s="7">
        <v>32554</v>
      </c>
      <c r="G365" s="5" t="s">
        <v>583</v>
      </c>
      <c r="H365" s="6" t="s">
        <v>584</v>
      </c>
      <c r="I365" s="8">
        <v>43762</v>
      </c>
    </row>
    <row r="366" spans="1:9" ht="24" x14ac:dyDescent="0.2">
      <c r="A366" s="4">
        <v>43556</v>
      </c>
      <c r="B366" s="5" t="s">
        <v>9</v>
      </c>
      <c r="C366" s="5" t="s">
        <v>985</v>
      </c>
      <c r="D366" s="6" t="s">
        <v>1028</v>
      </c>
      <c r="E366" s="5" t="s">
        <v>1029</v>
      </c>
      <c r="F366" s="7">
        <v>8389</v>
      </c>
      <c r="G366" s="5" t="s">
        <v>997</v>
      </c>
      <c r="H366" s="6" t="s">
        <v>606</v>
      </c>
      <c r="I366" s="8">
        <v>43762</v>
      </c>
    </row>
    <row r="367" spans="1:9" ht="24" x14ac:dyDescent="0.2">
      <c r="A367" s="4">
        <v>43556</v>
      </c>
      <c r="B367" s="5" t="s">
        <v>9</v>
      </c>
      <c r="C367" s="5" t="s">
        <v>985</v>
      </c>
      <c r="D367" s="6" t="s">
        <v>1030</v>
      </c>
      <c r="E367" s="5" t="s">
        <v>1031</v>
      </c>
      <c r="F367" s="7">
        <v>440</v>
      </c>
      <c r="G367" s="5" t="s">
        <v>1032</v>
      </c>
      <c r="H367" s="6" t="s">
        <v>1033</v>
      </c>
      <c r="I367" s="8">
        <v>43763</v>
      </c>
    </row>
    <row r="368" spans="1:9" ht="24" x14ac:dyDescent="0.2">
      <c r="A368" s="4">
        <v>43556</v>
      </c>
      <c r="B368" s="5" t="s">
        <v>9</v>
      </c>
      <c r="C368" s="5" t="s">
        <v>985</v>
      </c>
      <c r="D368" s="6" t="s">
        <v>1034</v>
      </c>
      <c r="E368" s="5" t="s">
        <v>1035</v>
      </c>
      <c r="F368" s="7">
        <v>28186</v>
      </c>
      <c r="G368" s="5" t="s">
        <v>429</v>
      </c>
      <c r="H368" s="6" t="s">
        <v>430</v>
      </c>
      <c r="I368" s="8">
        <v>43763</v>
      </c>
    </row>
    <row r="369" spans="1:9" ht="24" x14ac:dyDescent="0.2">
      <c r="A369" s="4">
        <v>43556</v>
      </c>
      <c r="B369" s="5" t="s">
        <v>9</v>
      </c>
      <c r="C369" s="5" t="s">
        <v>985</v>
      </c>
      <c r="D369" s="6" t="s">
        <v>1036</v>
      </c>
      <c r="E369" s="5" t="s">
        <v>1037</v>
      </c>
      <c r="F369" s="7">
        <v>8514</v>
      </c>
      <c r="G369" s="5" t="s">
        <v>205</v>
      </c>
      <c r="H369" s="6" t="s">
        <v>206</v>
      </c>
      <c r="I369" s="8">
        <v>43766</v>
      </c>
    </row>
    <row r="370" spans="1:9" ht="24" x14ac:dyDescent="0.2">
      <c r="A370" s="4">
        <v>43556</v>
      </c>
      <c r="B370" s="5" t="s">
        <v>9</v>
      </c>
      <c r="C370" s="5" t="s">
        <v>985</v>
      </c>
      <c r="D370" s="6" t="s">
        <v>1038</v>
      </c>
      <c r="E370" s="5" t="s">
        <v>1039</v>
      </c>
      <c r="F370" s="7">
        <v>3621</v>
      </c>
      <c r="G370" s="5" t="s">
        <v>409</v>
      </c>
      <c r="H370" s="6" t="s">
        <v>410</v>
      </c>
      <c r="I370" s="8">
        <v>43767</v>
      </c>
    </row>
    <row r="371" spans="1:9" ht="24" x14ac:dyDescent="0.2">
      <c r="A371" s="4">
        <v>43556</v>
      </c>
      <c r="B371" s="5" t="s">
        <v>9</v>
      </c>
      <c r="C371" s="5" t="s">
        <v>985</v>
      </c>
      <c r="D371" s="6" t="s">
        <v>1040</v>
      </c>
      <c r="E371" s="5" t="s">
        <v>1041</v>
      </c>
      <c r="F371" s="7">
        <v>7194</v>
      </c>
      <c r="G371" s="5" t="s">
        <v>1004</v>
      </c>
      <c r="H371" s="6" t="s">
        <v>1005</v>
      </c>
      <c r="I371" s="8">
        <v>43768</v>
      </c>
    </row>
    <row r="372" spans="1:9" ht="24" x14ac:dyDescent="0.2">
      <c r="A372" s="4">
        <v>43556</v>
      </c>
      <c r="B372" s="5" t="s">
        <v>9</v>
      </c>
      <c r="C372" s="5" t="s">
        <v>985</v>
      </c>
      <c r="D372" s="6" t="s">
        <v>1042</v>
      </c>
      <c r="E372" s="5" t="s">
        <v>1043</v>
      </c>
      <c r="F372" s="7">
        <v>3033</v>
      </c>
      <c r="G372" s="5" t="s">
        <v>997</v>
      </c>
      <c r="H372" s="6" t="s">
        <v>606</v>
      </c>
      <c r="I372" s="8">
        <v>43777</v>
      </c>
    </row>
    <row r="373" spans="1:9" ht="24" x14ac:dyDescent="0.2">
      <c r="A373" s="4">
        <v>43556</v>
      </c>
      <c r="B373" s="5" t="s">
        <v>9</v>
      </c>
      <c r="C373" s="5" t="s">
        <v>985</v>
      </c>
      <c r="D373" s="6" t="s">
        <v>1044</v>
      </c>
      <c r="E373" s="5" t="s">
        <v>1045</v>
      </c>
      <c r="F373" s="7">
        <v>13728</v>
      </c>
      <c r="G373" s="5" t="s">
        <v>988</v>
      </c>
      <c r="H373" s="6" t="s">
        <v>548</v>
      </c>
      <c r="I373" s="8">
        <v>43781</v>
      </c>
    </row>
    <row r="374" spans="1:9" ht="24" x14ac:dyDescent="0.2">
      <c r="A374" s="4">
        <v>43556</v>
      </c>
      <c r="B374" s="5" t="s">
        <v>9</v>
      </c>
      <c r="C374" s="5" t="s">
        <v>985</v>
      </c>
      <c r="D374" s="6" t="s">
        <v>1046</v>
      </c>
      <c r="E374" s="5" t="s">
        <v>1047</v>
      </c>
      <c r="F374" s="7">
        <v>5610</v>
      </c>
      <c r="G374" s="5" t="s">
        <v>205</v>
      </c>
      <c r="H374" s="6" t="s">
        <v>206</v>
      </c>
      <c r="I374" s="8">
        <v>43781</v>
      </c>
    </row>
    <row r="375" spans="1:9" ht="24" x14ac:dyDescent="0.2">
      <c r="A375" s="4">
        <v>43556</v>
      </c>
      <c r="B375" s="5" t="s">
        <v>9</v>
      </c>
      <c r="C375" s="5" t="s">
        <v>985</v>
      </c>
      <c r="D375" s="6" t="s">
        <v>1048</v>
      </c>
      <c r="E375" s="5" t="s">
        <v>689</v>
      </c>
      <c r="F375" s="7">
        <v>37488</v>
      </c>
      <c r="G375" s="5" t="s">
        <v>194</v>
      </c>
      <c r="H375" s="6" t="s">
        <v>103</v>
      </c>
      <c r="I375" s="8">
        <v>43782</v>
      </c>
    </row>
    <row r="376" spans="1:9" ht="24" x14ac:dyDescent="0.2">
      <c r="A376" s="4">
        <v>43556</v>
      </c>
      <c r="B376" s="5" t="s">
        <v>9</v>
      </c>
      <c r="C376" s="5" t="s">
        <v>985</v>
      </c>
      <c r="D376" s="6" t="s">
        <v>1049</v>
      </c>
      <c r="E376" s="5" t="s">
        <v>1050</v>
      </c>
      <c r="F376" s="7">
        <v>10076</v>
      </c>
      <c r="G376" s="5" t="s">
        <v>997</v>
      </c>
      <c r="H376" s="6" t="s">
        <v>606</v>
      </c>
      <c r="I376" s="8">
        <v>43788</v>
      </c>
    </row>
    <row r="377" spans="1:9" ht="24" x14ac:dyDescent="0.2">
      <c r="A377" s="4">
        <v>43556</v>
      </c>
      <c r="B377" s="5" t="s">
        <v>9</v>
      </c>
      <c r="C377" s="5" t="s">
        <v>985</v>
      </c>
      <c r="D377" s="6" t="s">
        <v>1051</v>
      </c>
      <c r="E377" s="5" t="s">
        <v>1052</v>
      </c>
      <c r="F377" s="7">
        <v>34496</v>
      </c>
      <c r="G377" s="5" t="s">
        <v>13</v>
      </c>
      <c r="H377" s="6" t="s">
        <v>14</v>
      </c>
      <c r="I377" s="8">
        <v>43788</v>
      </c>
    </row>
    <row r="378" spans="1:9" ht="24" x14ac:dyDescent="0.2">
      <c r="A378" s="4">
        <v>43556</v>
      </c>
      <c r="B378" s="5" t="s">
        <v>9</v>
      </c>
      <c r="C378" s="5" t="s">
        <v>985</v>
      </c>
      <c r="D378" s="6" t="s">
        <v>1053</v>
      </c>
      <c r="E378" s="5" t="s">
        <v>1054</v>
      </c>
      <c r="F378" s="7">
        <v>26400</v>
      </c>
      <c r="G378" s="5" t="s">
        <v>988</v>
      </c>
      <c r="H378" s="6" t="s">
        <v>548</v>
      </c>
      <c r="I378" s="8">
        <v>43794</v>
      </c>
    </row>
    <row r="379" spans="1:9" ht="24" x14ac:dyDescent="0.2">
      <c r="A379" s="4">
        <v>43556</v>
      </c>
      <c r="B379" s="5" t="s">
        <v>9</v>
      </c>
      <c r="C379" s="5" t="s">
        <v>985</v>
      </c>
      <c r="D379" s="6" t="s">
        <v>1055</v>
      </c>
      <c r="E379" s="5" t="s">
        <v>1056</v>
      </c>
      <c r="F379" s="7">
        <v>13640</v>
      </c>
      <c r="G379" s="5" t="s">
        <v>205</v>
      </c>
      <c r="H379" s="6" t="s">
        <v>206</v>
      </c>
      <c r="I379" s="8">
        <v>43795</v>
      </c>
    </row>
    <row r="380" spans="1:9" ht="24" x14ac:dyDescent="0.2">
      <c r="A380" s="4">
        <v>43556</v>
      </c>
      <c r="B380" s="5" t="s">
        <v>9</v>
      </c>
      <c r="C380" s="5" t="s">
        <v>985</v>
      </c>
      <c r="D380" s="6" t="s">
        <v>1057</v>
      </c>
      <c r="E380" s="5" t="s">
        <v>1058</v>
      </c>
      <c r="F380" s="7">
        <v>4100</v>
      </c>
      <c r="G380" s="5" t="s">
        <v>205</v>
      </c>
      <c r="H380" s="6" t="s">
        <v>206</v>
      </c>
      <c r="I380" s="8">
        <v>43796</v>
      </c>
    </row>
    <row r="381" spans="1:9" ht="24" x14ac:dyDescent="0.2">
      <c r="A381" s="4">
        <v>43556</v>
      </c>
      <c r="B381" s="5" t="s">
        <v>9</v>
      </c>
      <c r="C381" s="5" t="s">
        <v>985</v>
      </c>
      <c r="D381" s="6" t="s">
        <v>1059</v>
      </c>
      <c r="E381" s="5" t="s">
        <v>1060</v>
      </c>
      <c r="F381" s="7">
        <v>9460</v>
      </c>
      <c r="G381" s="5" t="s">
        <v>1061</v>
      </c>
      <c r="H381" s="6" t="s">
        <v>430</v>
      </c>
      <c r="I381" s="8">
        <v>43796</v>
      </c>
    </row>
    <row r="382" spans="1:9" ht="24" x14ac:dyDescent="0.2">
      <c r="A382" s="4">
        <v>43556</v>
      </c>
      <c r="B382" s="5" t="s">
        <v>9</v>
      </c>
      <c r="C382" s="5" t="s">
        <v>985</v>
      </c>
      <c r="D382" s="6" t="s">
        <v>1062</v>
      </c>
      <c r="E382" s="5" t="s">
        <v>1063</v>
      </c>
      <c r="F382" s="7">
        <v>2090</v>
      </c>
      <c r="G382" s="5" t="s">
        <v>1064</v>
      </c>
      <c r="H382" s="6" t="s">
        <v>1065</v>
      </c>
      <c r="I382" s="8">
        <v>43796</v>
      </c>
    </row>
    <row r="383" spans="1:9" ht="24" x14ac:dyDescent="0.2">
      <c r="A383" s="4">
        <v>43556</v>
      </c>
      <c r="B383" s="5" t="s">
        <v>9</v>
      </c>
      <c r="C383" s="5" t="s">
        <v>985</v>
      </c>
      <c r="D383" s="6" t="s">
        <v>1066</v>
      </c>
      <c r="E383" s="5" t="s">
        <v>1067</v>
      </c>
      <c r="F383" s="7">
        <v>352</v>
      </c>
      <c r="G383" s="5" t="s">
        <v>574</v>
      </c>
      <c r="H383" s="6" t="s">
        <v>575</v>
      </c>
      <c r="I383" s="8">
        <v>43801</v>
      </c>
    </row>
    <row r="384" spans="1:9" ht="24" x14ac:dyDescent="0.2">
      <c r="A384" s="4">
        <v>43556</v>
      </c>
      <c r="B384" s="5" t="s">
        <v>9</v>
      </c>
      <c r="C384" s="5" t="s">
        <v>985</v>
      </c>
      <c r="D384" s="6" t="s">
        <v>1068</v>
      </c>
      <c r="E384" s="5" t="s">
        <v>1069</v>
      </c>
      <c r="F384" s="7">
        <v>14657</v>
      </c>
      <c r="G384" s="5" t="s">
        <v>1004</v>
      </c>
      <c r="H384" s="6" t="s">
        <v>1005</v>
      </c>
      <c r="I384" s="8">
        <v>43801</v>
      </c>
    </row>
    <row r="385" spans="1:9" ht="24" x14ac:dyDescent="0.2">
      <c r="A385" s="4">
        <v>43556</v>
      </c>
      <c r="B385" s="5" t="s">
        <v>9</v>
      </c>
      <c r="C385" s="5" t="s">
        <v>985</v>
      </c>
      <c r="D385" s="6" t="s">
        <v>1070</v>
      </c>
      <c r="E385" s="5" t="s">
        <v>1071</v>
      </c>
      <c r="F385" s="7">
        <v>35768</v>
      </c>
      <c r="G385" s="5" t="s">
        <v>409</v>
      </c>
      <c r="H385" s="6" t="s">
        <v>410</v>
      </c>
      <c r="I385" s="8">
        <v>43801</v>
      </c>
    </row>
    <row r="386" spans="1:9" ht="24" x14ac:dyDescent="0.2">
      <c r="A386" s="4">
        <v>43556</v>
      </c>
      <c r="B386" s="5" t="s">
        <v>9</v>
      </c>
      <c r="C386" s="5" t="s">
        <v>985</v>
      </c>
      <c r="D386" s="6" t="s">
        <v>1072</v>
      </c>
      <c r="E386" s="5" t="s">
        <v>1073</v>
      </c>
      <c r="F386" s="7">
        <v>32918</v>
      </c>
      <c r="G386" s="5" t="s">
        <v>583</v>
      </c>
      <c r="H386" s="6" t="s">
        <v>584</v>
      </c>
      <c r="I386" s="8">
        <v>43801</v>
      </c>
    </row>
    <row r="387" spans="1:9" ht="24" x14ac:dyDescent="0.2">
      <c r="A387" s="4">
        <v>43556</v>
      </c>
      <c r="B387" s="5" t="s">
        <v>9</v>
      </c>
      <c r="C387" s="5" t="s">
        <v>985</v>
      </c>
      <c r="D387" s="6" t="s">
        <v>1074</v>
      </c>
      <c r="E387" s="5" t="s">
        <v>1075</v>
      </c>
      <c r="F387" s="7">
        <v>7953</v>
      </c>
      <c r="G387" s="5" t="s">
        <v>1076</v>
      </c>
      <c r="H387" s="6" t="s">
        <v>1077</v>
      </c>
      <c r="I387" s="8">
        <v>43801</v>
      </c>
    </row>
    <row r="388" spans="1:9" ht="24" x14ac:dyDescent="0.2">
      <c r="A388" s="4">
        <v>43556</v>
      </c>
      <c r="B388" s="5" t="s">
        <v>9</v>
      </c>
      <c r="C388" s="5" t="s">
        <v>985</v>
      </c>
      <c r="D388" s="6" t="s">
        <v>1078</v>
      </c>
      <c r="E388" s="5" t="s">
        <v>1079</v>
      </c>
      <c r="F388" s="7">
        <v>11410</v>
      </c>
      <c r="G388" s="5" t="s">
        <v>997</v>
      </c>
      <c r="H388" s="6" t="s">
        <v>606</v>
      </c>
      <c r="I388" s="8">
        <v>43801</v>
      </c>
    </row>
    <row r="389" spans="1:9" ht="24" x14ac:dyDescent="0.2">
      <c r="A389" s="4">
        <v>43556</v>
      </c>
      <c r="B389" s="5" t="s">
        <v>9</v>
      </c>
      <c r="C389" s="5" t="s">
        <v>985</v>
      </c>
      <c r="D389" s="6" t="s">
        <v>1080</v>
      </c>
      <c r="E389" s="5" t="s">
        <v>1081</v>
      </c>
      <c r="F389" s="7">
        <v>36668</v>
      </c>
      <c r="G389" s="5" t="s">
        <v>583</v>
      </c>
      <c r="H389" s="6" t="s">
        <v>584</v>
      </c>
      <c r="I389" s="8">
        <v>43804</v>
      </c>
    </row>
    <row r="390" spans="1:9" ht="24" x14ac:dyDescent="0.2">
      <c r="A390" s="4">
        <v>43556</v>
      </c>
      <c r="B390" s="5" t="s">
        <v>9</v>
      </c>
      <c r="C390" s="5" t="s">
        <v>985</v>
      </c>
      <c r="D390" s="6" t="s">
        <v>1082</v>
      </c>
      <c r="E390" s="5" t="s">
        <v>1083</v>
      </c>
      <c r="F390" s="7">
        <v>9372</v>
      </c>
      <c r="G390" s="5" t="s">
        <v>605</v>
      </c>
      <c r="H390" s="6" t="s">
        <v>606</v>
      </c>
      <c r="I390" s="8">
        <v>43808</v>
      </c>
    </row>
    <row r="391" spans="1:9" ht="24" x14ac:dyDescent="0.2">
      <c r="A391" s="4">
        <v>43556</v>
      </c>
      <c r="B391" s="5" t="s">
        <v>9</v>
      </c>
      <c r="C391" s="5" t="s">
        <v>985</v>
      </c>
      <c r="D391" s="6" t="s">
        <v>1084</v>
      </c>
      <c r="E391" s="5" t="s">
        <v>1085</v>
      </c>
      <c r="F391" s="7">
        <v>57365</v>
      </c>
      <c r="G391" s="5" t="s">
        <v>13</v>
      </c>
      <c r="H391" s="6" t="s">
        <v>14</v>
      </c>
      <c r="I391" s="8">
        <v>43812</v>
      </c>
    </row>
    <row r="392" spans="1:9" ht="24" x14ac:dyDescent="0.2">
      <c r="A392" s="4">
        <v>43556</v>
      </c>
      <c r="B392" s="5" t="s">
        <v>9</v>
      </c>
      <c r="C392" s="5" t="s">
        <v>985</v>
      </c>
      <c r="D392" s="6" t="s">
        <v>1086</v>
      </c>
      <c r="E392" s="5" t="s">
        <v>1087</v>
      </c>
      <c r="F392" s="7">
        <v>6336</v>
      </c>
      <c r="G392" s="5" t="s">
        <v>1088</v>
      </c>
      <c r="H392" s="6" t="s">
        <v>1089</v>
      </c>
      <c r="I392" s="8">
        <v>43816</v>
      </c>
    </row>
    <row r="393" spans="1:9" ht="24" x14ac:dyDescent="0.2">
      <c r="A393" s="4">
        <v>43556</v>
      </c>
      <c r="B393" s="5" t="s">
        <v>9</v>
      </c>
      <c r="C393" s="5" t="s">
        <v>985</v>
      </c>
      <c r="D393" s="6" t="s">
        <v>1090</v>
      </c>
      <c r="E393" s="5" t="s">
        <v>1091</v>
      </c>
      <c r="F393" s="7">
        <v>1100</v>
      </c>
      <c r="G393" s="5" t="s">
        <v>1004</v>
      </c>
      <c r="H393" s="6" t="s">
        <v>1005</v>
      </c>
      <c r="I393" s="8">
        <v>43823</v>
      </c>
    </row>
    <row r="394" spans="1:9" ht="24" x14ac:dyDescent="0.2">
      <c r="A394" s="4">
        <v>43556</v>
      </c>
      <c r="B394" s="5" t="s">
        <v>9</v>
      </c>
      <c r="C394" s="5" t="s">
        <v>985</v>
      </c>
      <c r="D394" s="6" t="s">
        <v>1092</v>
      </c>
      <c r="E394" s="5" t="s">
        <v>1093</v>
      </c>
      <c r="F394" s="7">
        <v>24354</v>
      </c>
      <c r="G394" s="5" t="s">
        <v>1064</v>
      </c>
      <c r="H394" s="6" t="s">
        <v>1065</v>
      </c>
      <c r="I394" s="8">
        <v>43823</v>
      </c>
    </row>
    <row r="395" spans="1:9" ht="24" x14ac:dyDescent="0.2">
      <c r="A395" s="4">
        <v>43556</v>
      </c>
      <c r="B395" s="5" t="s">
        <v>9</v>
      </c>
      <c r="C395" s="5" t="s">
        <v>985</v>
      </c>
      <c r="D395" s="6" t="s">
        <v>1094</v>
      </c>
      <c r="E395" s="5" t="s">
        <v>1058</v>
      </c>
      <c r="F395" s="7">
        <v>2772</v>
      </c>
      <c r="G395" s="5" t="s">
        <v>205</v>
      </c>
      <c r="H395" s="6" t="s">
        <v>206</v>
      </c>
      <c r="I395" s="8">
        <v>43823</v>
      </c>
    </row>
    <row r="396" spans="1:9" ht="24" x14ac:dyDescent="0.2">
      <c r="A396" s="4">
        <v>43556</v>
      </c>
      <c r="B396" s="5" t="s">
        <v>9</v>
      </c>
      <c r="C396" s="5" t="s">
        <v>985</v>
      </c>
      <c r="D396" s="6" t="s">
        <v>1095</v>
      </c>
      <c r="E396" s="5" t="s">
        <v>1096</v>
      </c>
      <c r="F396" s="7">
        <v>21546</v>
      </c>
      <c r="G396" s="5" t="s">
        <v>574</v>
      </c>
      <c r="H396" s="6" t="s">
        <v>575</v>
      </c>
      <c r="I396" s="8">
        <v>43823</v>
      </c>
    </row>
    <row r="397" spans="1:9" ht="24" x14ac:dyDescent="0.2">
      <c r="A397" s="4">
        <v>43556</v>
      </c>
      <c r="B397" s="5" t="s">
        <v>9</v>
      </c>
      <c r="C397" s="5" t="s">
        <v>985</v>
      </c>
      <c r="D397" s="6" t="s">
        <v>1097</v>
      </c>
      <c r="E397" s="5" t="s">
        <v>1047</v>
      </c>
      <c r="F397" s="7">
        <v>3452</v>
      </c>
      <c r="G397" s="5" t="s">
        <v>409</v>
      </c>
      <c r="H397" s="6" t="s">
        <v>410</v>
      </c>
      <c r="I397" s="8">
        <v>43823</v>
      </c>
    </row>
    <row r="398" spans="1:9" ht="24" x14ac:dyDescent="0.2">
      <c r="A398" s="4">
        <v>43556</v>
      </c>
      <c r="B398" s="5" t="s">
        <v>9</v>
      </c>
      <c r="C398" s="5" t="s">
        <v>985</v>
      </c>
      <c r="D398" s="6" t="s">
        <v>1098</v>
      </c>
      <c r="E398" s="5" t="s">
        <v>1099</v>
      </c>
      <c r="F398" s="7">
        <v>2569</v>
      </c>
      <c r="G398" s="5" t="s">
        <v>1100</v>
      </c>
      <c r="H398" s="6" t="s">
        <v>619</v>
      </c>
      <c r="I398" s="8">
        <v>43826</v>
      </c>
    </row>
    <row r="399" spans="1:9" ht="24" x14ac:dyDescent="0.2">
      <c r="A399" s="4">
        <v>43556</v>
      </c>
      <c r="B399" s="5" t="s">
        <v>9</v>
      </c>
      <c r="C399" s="5" t="s">
        <v>985</v>
      </c>
      <c r="D399" s="6" t="s">
        <v>1101</v>
      </c>
      <c r="E399" s="5" t="s">
        <v>1027</v>
      </c>
      <c r="F399" s="7">
        <v>47468</v>
      </c>
      <c r="G399" s="5" t="s">
        <v>583</v>
      </c>
      <c r="H399" s="6" t="s">
        <v>584</v>
      </c>
      <c r="I399" s="8">
        <v>43826</v>
      </c>
    </row>
    <row r="400" spans="1:9" ht="24" x14ac:dyDescent="0.2">
      <c r="A400" s="4">
        <v>43556</v>
      </c>
      <c r="B400" s="5" t="s">
        <v>9</v>
      </c>
      <c r="C400" s="5" t="s">
        <v>985</v>
      </c>
      <c r="D400" s="6" t="s">
        <v>1102</v>
      </c>
      <c r="E400" s="5" t="s">
        <v>1103</v>
      </c>
      <c r="F400" s="7">
        <v>2742</v>
      </c>
      <c r="G400" s="5" t="s">
        <v>583</v>
      </c>
      <c r="H400" s="6" t="s">
        <v>584</v>
      </c>
      <c r="I400" s="8">
        <v>43826</v>
      </c>
    </row>
    <row r="401" spans="1:9" ht="24" x14ac:dyDescent="0.2">
      <c r="A401" s="4">
        <v>43556</v>
      </c>
      <c r="B401" s="5" t="s">
        <v>9</v>
      </c>
      <c r="C401" s="5" t="s">
        <v>985</v>
      </c>
      <c r="D401" s="6" t="s">
        <v>1104</v>
      </c>
      <c r="E401" s="5" t="s">
        <v>1105</v>
      </c>
      <c r="F401" s="7">
        <v>27490</v>
      </c>
      <c r="G401" s="5" t="s">
        <v>605</v>
      </c>
      <c r="H401" s="6" t="s">
        <v>606</v>
      </c>
      <c r="I401" s="8">
        <v>43826</v>
      </c>
    </row>
    <row r="402" spans="1:9" ht="24" x14ac:dyDescent="0.2">
      <c r="A402" s="4">
        <v>43556</v>
      </c>
      <c r="B402" s="5" t="s">
        <v>9</v>
      </c>
      <c r="C402" s="5" t="s">
        <v>1106</v>
      </c>
      <c r="D402" s="6" t="s">
        <v>1107</v>
      </c>
      <c r="E402" s="5" t="s">
        <v>264</v>
      </c>
      <c r="F402" s="7">
        <v>102795</v>
      </c>
      <c r="G402" s="5" t="s">
        <v>1108</v>
      </c>
      <c r="H402" s="6" t="s">
        <v>1109</v>
      </c>
      <c r="I402" s="8">
        <v>43790</v>
      </c>
    </row>
    <row r="403" spans="1:9" ht="24" x14ac:dyDescent="0.2">
      <c r="A403" s="4">
        <v>43556</v>
      </c>
      <c r="B403" s="5" t="s">
        <v>9</v>
      </c>
      <c r="C403" s="5" t="s">
        <v>1110</v>
      </c>
      <c r="D403" s="6" t="s">
        <v>1111</v>
      </c>
      <c r="E403" s="5" t="s">
        <v>1112</v>
      </c>
      <c r="F403" s="7">
        <v>7920</v>
      </c>
      <c r="G403" s="5" t="s">
        <v>106</v>
      </c>
      <c r="H403" s="6" t="s">
        <v>107</v>
      </c>
      <c r="I403" s="8">
        <v>43741</v>
      </c>
    </row>
    <row r="404" spans="1:9" ht="24" x14ac:dyDescent="0.2">
      <c r="A404" s="4">
        <v>43556</v>
      </c>
      <c r="B404" s="5" t="s">
        <v>9</v>
      </c>
      <c r="C404" s="5" t="s">
        <v>1110</v>
      </c>
      <c r="D404" s="6" t="s">
        <v>1113</v>
      </c>
      <c r="E404" s="5" t="s">
        <v>1114</v>
      </c>
      <c r="F404" s="7">
        <v>53353</v>
      </c>
      <c r="G404" s="5" t="s">
        <v>1115</v>
      </c>
      <c r="H404" s="6" t="s">
        <v>1116</v>
      </c>
      <c r="I404" s="8">
        <v>43741</v>
      </c>
    </row>
    <row r="405" spans="1:9" ht="24" x14ac:dyDescent="0.2">
      <c r="A405" s="4">
        <v>43556</v>
      </c>
      <c r="B405" s="5" t="s">
        <v>9</v>
      </c>
      <c r="C405" s="5" t="s">
        <v>1110</v>
      </c>
      <c r="D405" s="6" t="s">
        <v>1117</v>
      </c>
      <c r="E405" s="5" t="s">
        <v>1118</v>
      </c>
      <c r="F405" s="7">
        <v>65000</v>
      </c>
      <c r="G405" s="5" t="s">
        <v>1119</v>
      </c>
      <c r="H405" s="6" t="s">
        <v>1120</v>
      </c>
      <c r="I405" s="8">
        <v>43754</v>
      </c>
    </row>
    <row r="406" spans="1:9" ht="24" x14ac:dyDescent="0.2">
      <c r="A406" s="4">
        <v>43556</v>
      </c>
      <c r="B406" s="5" t="s">
        <v>9</v>
      </c>
      <c r="C406" s="5" t="s">
        <v>1110</v>
      </c>
      <c r="D406" s="6" t="s">
        <v>1121</v>
      </c>
      <c r="E406" s="5" t="s">
        <v>1122</v>
      </c>
      <c r="F406" s="7">
        <v>45000</v>
      </c>
      <c r="G406" s="5" t="s">
        <v>1123</v>
      </c>
      <c r="H406" s="6" t="s">
        <v>1124</v>
      </c>
      <c r="I406" s="8">
        <v>43756</v>
      </c>
    </row>
    <row r="407" spans="1:9" ht="24" x14ac:dyDescent="0.2">
      <c r="A407" s="4">
        <v>43556</v>
      </c>
      <c r="B407" s="5" t="s">
        <v>9</v>
      </c>
      <c r="C407" s="5" t="s">
        <v>1110</v>
      </c>
      <c r="D407" s="6" t="s">
        <v>1125</v>
      </c>
      <c r="E407" s="5" t="s">
        <v>1126</v>
      </c>
      <c r="F407" s="7">
        <v>22680</v>
      </c>
      <c r="G407" s="5" t="s">
        <v>1127</v>
      </c>
      <c r="H407" s="6" t="s">
        <v>1124</v>
      </c>
      <c r="I407" s="8">
        <v>43768</v>
      </c>
    </row>
    <row r="408" spans="1:9" ht="24" x14ac:dyDescent="0.2">
      <c r="A408" s="4">
        <v>43556</v>
      </c>
      <c r="B408" s="5" t="s">
        <v>9</v>
      </c>
      <c r="C408" s="5" t="s">
        <v>1110</v>
      </c>
      <c r="D408" s="6" t="s">
        <v>1128</v>
      </c>
      <c r="E408" s="5" t="s">
        <v>1129</v>
      </c>
      <c r="F408" s="7">
        <v>12859</v>
      </c>
      <c r="G408" s="5" t="s">
        <v>25</v>
      </c>
      <c r="H408" s="6" t="s">
        <v>26</v>
      </c>
      <c r="I408" s="8">
        <v>43769</v>
      </c>
    </row>
    <row r="409" spans="1:9" ht="24" x14ac:dyDescent="0.2">
      <c r="A409" s="4">
        <v>43556</v>
      </c>
      <c r="B409" s="5" t="s">
        <v>9</v>
      </c>
      <c r="C409" s="5" t="s">
        <v>1110</v>
      </c>
      <c r="D409" s="6" t="s">
        <v>1130</v>
      </c>
      <c r="E409" s="5" t="s">
        <v>1131</v>
      </c>
      <c r="F409" s="7">
        <v>24673</v>
      </c>
      <c r="G409" s="5" t="s">
        <v>66</v>
      </c>
      <c r="H409" s="6" t="s">
        <v>67</v>
      </c>
      <c r="I409" s="8">
        <v>43798</v>
      </c>
    </row>
    <row r="410" spans="1:9" ht="24" x14ac:dyDescent="0.2">
      <c r="A410" s="4">
        <v>43556</v>
      </c>
      <c r="B410" s="5" t="s">
        <v>9</v>
      </c>
      <c r="C410" s="5" t="s">
        <v>1110</v>
      </c>
      <c r="D410" s="6" t="s">
        <v>1132</v>
      </c>
      <c r="E410" s="5" t="s">
        <v>1133</v>
      </c>
      <c r="F410" s="7">
        <v>59125</v>
      </c>
      <c r="G410" s="5" t="s">
        <v>1134</v>
      </c>
      <c r="H410" s="6" t="s">
        <v>1135</v>
      </c>
      <c r="I410" s="8">
        <v>43803</v>
      </c>
    </row>
    <row r="411" spans="1:9" ht="24" x14ac:dyDescent="0.2">
      <c r="A411" s="4">
        <v>43556</v>
      </c>
      <c r="B411" s="5" t="s">
        <v>9</v>
      </c>
      <c r="C411" s="5" t="s">
        <v>1110</v>
      </c>
      <c r="D411" s="6" t="s">
        <v>1136</v>
      </c>
      <c r="E411" s="5" t="s">
        <v>1137</v>
      </c>
      <c r="F411" s="7">
        <v>20900</v>
      </c>
      <c r="G411" s="5" t="s">
        <v>1138</v>
      </c>
      <c r="H411" s="6" t="s">
        <v>1139</v>
      </c>
      <c r="I411" s="8">
        <v>43804</v>
      </c>
    </row>
    <row r="412" spans="1:9" ht="24" x14ac:dyDescent="0.2">
      <c r="A412" s="4">
        <v>43556</v>
      </c>
      <c r="B412" s="5" t="s">
        <v>9</v>
      </c>
      <c r="C412" s="5" t="s">
        <v>1110</v>
      </c>
      <c r="D412" s="6" t="s">
        <v>1140</v>
      </c>
      <c r="E412" s="5" t="s">
        <v>1141</v>
      </c>
      <c r="F412" s="7">
        <v>13600</v>
      </c>
      <c r="G412" s="5" t="s">
        <v>1142</v>
      </c>
      <c r="H412" s="6" t="s">
        <v>1143</v>
      </c>
      <c r="I412" s="8">
        <v>43810</v>
      </c>
    </row>
    <row r="413" spans="1:9" ht="24" x14ac:dyDescent="0.2">
      <c r="A413" s="4">
        <v>43556</v>
      </c>
      <c r="B413" s="5" t="s">
        <v>9</v>
      </c>
      <c r="C413" s="5" t="s">
        <v>1144</v>
      </c>
      <c r="D413" s="6" t="s">
        <v>1145</v>
      </c>
      <c r="E413" s="5" t="s">
        <v>1146</v>
      </c>
      <c r="F413" s="7">
        <v>3420</v>
      </c>
      <c r="G413" s="5" t="s">
        <v>1123</v>
      </c>
      <c r="H413" s="6" t="s">
        <v>1124</v>
      </c>
      <c r="I413" s="8">
        <v>43766</v>
      </c>
    </row>
    <row r="414" spans="1:9" ht="24" x14ac:dyDescent="0.2">
      <c r="A414" s="4">
        <v>43556</v>
      </c>
      <c r="B414" s="5" t="s">
        <v>9</v>
      </c>
      <c r="C414" s="5" t="s">
        <v>1144</v>
      </c>
      <c r="D414" s="6" t="s">
        <v>1147</v>
      </c>
      <c r="E414" s="5" t="s">
        <v>1148</v>
      </c>
      <c r="F414" s="7">
        <v>23769</v>
      </c>
      <c r="G414" s="5" t="s">
        <v>17</v>
      </c>
      <c r="H414" s="6" t="s">
        <v>18</v>
      </c>
      <c r="I414" s="8">
        <v>43810</v>
      </c>
    </row>
  </sheetData>
  <phoneticPr fontId="3"/>
  <pageMargins left="0.70866141732283472" right="0.70866141732283472" top="0.74803149606299213" bottom="0.74803149606299213" header="0.31496062992125984" footer="0.31496062992125984"/>
  <pageSetup paperSize="9" scale="82" fitToHeight="0" orientation="landscape" r:id="rId1"/>
  <headerFooter>
    <oddFooter>&amp;P / &amp;N ページ</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公表用</vt:lpstr>
      <vt:lpstr>公表用!Print_Area</vt:lpstr>
      <vt:lpstr>公表用!Print_Titles</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0-03-13T07:27:44Z</dcterms:created>
  <dcterms:modified xsi:type="dcterms:W3CDTF">2020-03-26T05:16:25Z</dcterms:modified>
</cp:coreProperties>
</file>